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-255" yWindow="-15" windowWidth="10755" windowHeight="7530" tabRatio="745"/>
  </bookViews>
  <sheets>
    <sheet name="工事費内訳書" sheetId="3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</externalReferences>
  <definedNames>
    <definedName name="_">#REF!</definedName>
    <definedName name="_____________d2">[1]!ピクチャ5_Click</definedName>
    <definedName name="____________d2">[2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0N1_">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1N10_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2N11_">#REF!</definedName>
    <definedName name="_13">[7]見積01!#REF!</definedName>
    <definedName name="_13N12_">#REF!</definedName>
    <definedName name="_14">[7]見積01!#REF!</definedName>
    <definedName name="_14N13_">#REF!</definedName>
    <definedName name="_15">[7]見積01!#REF!</definedName>
    <definedName name="_15N14_">#REF!</definedName>
    <definedName name="_16">#REF!</definedName>
    <definedName name="_16N15_">#REF!</definedName>
    <definedName name="_17">#REF!</definedName>
    <definedName name="_17N16_">#REF!</definedName>
    <definedName name="_18">#REF!</definedName>
    <definedName name="_18N17_">#REF!</definedName>
    <definedName name="_19">#REF!</definedName>
    <definedName name="_19N18_">#REF!</definedName>
    <definedName name="_1ｂ９_">#REF!</definedName>
    <definedName name="_1d2_">[2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0N19_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2N2_">#REF!</definedName>
    <definedName name="_23">#REF!</definedName>
    <definedName name="_23N20_">#REF!</definedName>
    <definedName name="_24N21_">#REF!</definedName>
    <definedName name="_25N22_">#REF!</definedName>
    <definedName name="_26N23_">#REF!</definedName>
    <definedName name="_27N24_">#REF!</definedName>
    <definedName name="_28N25_">#REF!</definedName>
    <definedName name="_29N26_">#REF!</definedName>
    <definedName name="_2ページまで">#REF!</definedName>
    <definedName name="_2印刷範囲_2">#REF!</definedName>
    <definedName name="_2号明細書_M">#REF!</definedName>
    <definedName name="_3">#REF!</definedName>
    <definedName name="_30N27_">#REF!</definedName>
    <definedName name="_31N28_">#REF!</definedName>
    <definedName name="_32N29_">#REF!</definedName>
    <definedName name="_33">#REF!</definedName>
    <definedName name="_34N3_">#REF!</definedName>
    <definedName name="_35N30_">#REF!</definedName>
    <definedName name="_36N31_">#REF!</definedName>
    <definedName name="_37N32_">#REF!</definedName>
    <definedName name="_38N33_">#REF!</definedName>
    <definedName name="_39N34_">#REF!</definedName>
    <definedName name="_3d2_">[2]!ピクチャ5_Click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_">'[4]#REF'!#REF!</definedName>
    <definedName name="_41N4_">#REF!</definedName>
    <definedName name="_42N5_">#REF!</definedName>
    <definedName name="_43N6_">#REF!</definedName>
    <definedName name="_44">#REF!</definedName>
    <definedName name="_44N7_">#REF!</definedName>
    <definedName name="_45N8_">#REF!</definedName>
    <definedName name="_46N9_">#REF!</definedName>
    <definedName name="_48V1_">#REF!</definedName>
    <definedName name="_49V10_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0V11_">#REF!</definedName>
    <definedName name="_51V12_">#REF!</definedName>
    <definedName name="_52V13_">#REF!</definedName>
    <definedName name="_53V14_">#REF!</definedName>
    <definedName name="_54V15_">#REF!</definedName>
    <definedName name="_55">#REF!</definedName>
    <definedName name="_55V16_">#REF!</definedName>
    <definedName name="_56V17_">#REF!</definedName>
    <definedName name="_57V18_">#REF!</definedName>
    <definedName name="_58V19_">#REF!</definedName>
    <definedName name="_5ページまで">#REF!</definedName>
    <definedName name="_5印刷範囲_7">#REF!</definedName>
    <definedName name="_6">#REF!</definedName>
    <definedName name="_60V2_">#REF!</definedName>
    <definedName name="_61V20_">#REF!</definedName>
    <definedName name="_62V21_">#REF!</definedName>
    <definedName name="_63V22_">#REF!</definedName>
    <definedName name="_64V23_">#REF!</definedName>
    <definedName name="_65V24_">#REF!</definedName>
    <definedName name="_66">#REF!</definedName>
    <definedName name="_66V25_">#REF!</definedName>
    <definedName name="_67V26_">#REF!</definedName>
    <definedName name="_68V27_">#REF!</definedName>
    <definedName name="_69V28_">#REF!</definedName>
    <definedName name="_6ページまで">#REF!</definedName>
    <definedName name="_7">#REF!</definedName>
    <definedName name="_70V29_">#REF!</definedName>
    <definedName name="_72V3_">#REF!</definedName>
    <definedName name="_73V30_">#REF!</definedName>
    <definedName name="_74V31_">#REF!</definedName>
    <definedName name="_75V32_">#REF!</definedName>
    <definedName name="_76V33_">#REF!</definedName>
    <definedName name="_77V34_">#REF!</definedName>
    <definedName name="_78V35_">#REF!</definedName>
    <definedName name="_79V36_">#REF!</definedName>
    <definedName name="_7ページまで">#REF!</definedName>
    <definedName name="_8">#REF!</definedName>
    <definedName name="_80V37_">#REF!</definedName>
    <definedName name="_81V38_">#REF!</definedName>
    <definedName name="_83V4_">#REF!</definedName>
    <definedName name="_84V5_">#REF!</definedName>
    <definedName name="_850">#REF!</definedName>
    <definedName name="_85V6_">#REF!</definedName>
    <definedName name="_86V7_">#REF!</definedName>
    <definedName name="_87V8_">#REF!</definedName>
    <definedName name="_88">#REF!</definedName>
    <definedName name="_88V9_">#REF!</definedName>
    <definedName name="_8A1_">'[4]#REF'!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2]諸経費計算表!$R$3:$AA$38</definedName>
    <definedName name="\11">[12]諸経費計算表!$R$3:$AA$38</definedName>
    <definedName name="￥1250">#REF!</definedName>
    <definedName name="￥1900">#REF!</definedName>
    <definedName name="\2">[12]諸経費計算表!$A$8:$F$65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2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3]土工!$D$2</definedName>
    <definedName name="\一覧表">#REF!</definedName>
    <definedName name="\印刷設定">#REF!</definedName>
    <definedName name="\印刷設定一">#REF!</definedName>
    <definedName name="A">#REF!</definedName>
    <definedName name="A_1">'[14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5]複１!#REF!</definedName>
    <definedName name="AA">#REF!</definedName>
    <definedName name="AAA">#REF!</definedName>
    <definedName name="AAAA">[0]!AAAA</definedName>
    <definedName name="aaaaa">[16]!Dialog3_ボタン2_Click</definedName>
    <definedName name="AAAAAAAAAAA">[17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8]!Anzen</definedName>
    <definedName name="AnzenHyouji">[18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19]Ｂ代価 '!#REF!</definedName>
    <definedName name="B4OUT">#REF!</definedName>
    <definedName name="B5OUT">#REF!</definedName>
    <definedName name="BANGOU">#REF!</definedName>
    <definedName name="ｂｂ">[20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19]Ｃ代価(1)'!#REF!</definedName>
    <definedName name="C_26">#REF!</definedName>
    <definedName name="C_27">'[19]Ｃ代価(1)'!#REF!</definedName>
    <definedName name="C_28">'[19]Ｃ代価(1)'!#REF!</definedName>
    <definedName name="C_29">#REF!</definedName>
    <definedName name="C_30">'[19]Ｃ代価(1)'!#REF!</definedName>
    <definedName name="C_31">'[19]Ｃ代価(1)'!#REF!</definedName>
    <definedName name="Ｃ_32">'[19]Ｃ代価(1)'!#REF!</definedName>
    <definedName name="Ｃ_33">'[19]Ｃ代価(1)'!#REF!</definedName>
    <definedName name="Ｃ_34">'[19]Ｃ代価(1)'!#REF!</definedName>
    <definedName name="Ｃ_35">'[19]Ｃ代価(1)'!#REF!</definedName>
    <definedName name="Ｃ_36">'[19]Ｃ代価(1)'!#REF!</definedName>
    <definedName name="C0">#REF!</definedName>
    <definedName name="CC">#REF!</definedName>
    <definedName name="ｃｃｃｃｃｃ">[16]!ピクチャ5_Click</definedName>
    <definedName name="ｃｄ">'[21]３ページ'!$S$66</definedName>
    <definedName name="COUNTER">[22]表紙!#REF!</definedName>
    <definedName name="_xlnm.Criteria">#REF!</definedName>
    <definedName name="Criteria_MI">#REF!</definedName>
    <definedName name="CV3C2">[23]ｹｰﾌﾞﾙ計!#REF!</definedName>
    <definedName name="cv3c2_">[24]ｹｰﾌﾞﾙ労務!#REF!</definedName>
    <definedName name="CVVS2C2">[23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5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6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0]条件!$E$23</definedName>
    <definedName name="DD">#REF!</definedName>
    <definedName name="ddd">[11]!ピクチャ5_Click</definedName>
    <definedName name="dddd">[27]!Dialog3_ボタン2_Click</definedName>
    <definedName name="dddd3">[27]!Dialog3_ボタン2_Click</definedName>
    <definedName name="ｄｄｄｄｄ">[28]!ピクチャ5_Click</definedName>
    <definedName name="ddddd5">[27]!ピクチャ5_Click</definedName>
    <definedName name="DDDDDD">[29]!Dialog3_ボタン2_Click</definedName>
    <definedName name="ｄｆ">[20]条件!$C$24</definedName>
    <definedName name="Dialog3_ボタン2_Click">[30]!Dialog3_ボタン2_Click</definedName>
    <definedName name="DK">17902</definedName>
    <definedName name="DKT">19100</definedName>
    <definedName name="ＤＳ">#REF!</definedName>
    <definedName name="Dグランド照明">[25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8]!Eizen</definedName>
    <definedName name="EIZEN5" hidden="1">{"設定1",#N/A,FALSE,"第5号-1";"設定2",#N/A,FALSE,"第5号-1"}</definedName>
    <definedName name="EizenHyouji">[18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0]条件!$C$16</definedName>
    <definedName name="ｆｇ">[20]条件!$C$23</definedName>
    <definedName name="ｆｈ">[20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G">#REF!</definedName>
    <definedName name="GenbaKanri">[18]!GenbaKanri</definedName>
    <definedName name="GenbaKanriHyouji">[18]!GenbaKanriHyouji</definedName>
    <definedName name="gggg">#REF!</definedName>
    <definedName name="gggggg">#REF!</definedName>
    <definedName name="ＧＴ">[3]歩・屋!$W$12</definedName>
    <definedName name="H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8]!IppanKanri</definedName>
    <definedName name="IppanKanriHyouji">[18]!IppanKanriHyouji</definedName>
    <definedName name="J">#REF!</definedName>
    <definedName name="ｊｊ">[20]条件!$C$21</definedName>
    <definedName name="Junbi">[18]!Junbi</definedName>
    <definedName name="JunbiHyouji">[18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1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2]表紙!#REF!</definedName>
    <definedName name="LOOPS">[22]表紙!#REF!</definedName>
    <definedName name="LOOP入">[22]表紙!#REF!</definedName>
    <definedName name="LOOP抜">[22]表紙!#REF!</definedName>
    <definedName name="Ｍ">#REF!</definedName>
    <definedName name="MENU">#REF!</definedName>
    <definedName name="MENUA">[22]表紙!#REF!</definedName>
    <definedName name="MENUB">[22]表紙!#REF!</definedName>
    <definedName name="MENUE">[22]表紙!#REF!</definedName>
    <definedName name="MENUP">[22]表紙!#REF!</definedName>
    <definedName name="MENUP2">[22]表紙!#REF!</definedName>
    <definedName name="MI">#REF!</definedName>
    <definedName name="ｍｊ">'[21]３ページ'!#REF!</definedName>
    <definedName name="mm">[32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3]代価表 '!$Z$2</definedName>
    <definedName name="O">[34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3]ｹｰﾌﾞﾙ計!#REF!</definedName>
    <definedName name="PE管28">[23]ｹｰﾌﾞﾙ計!#REF!</definedName>
    <definedName name="PE管42">[23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L$41</definedName>
    <definedName name="_xlnm.Print_Area">#REF!</definedName>
    <definedName name="PRINT_AREA_MI">[35]内訳書１!#REF!</definedName>
    <definedName name="Print_Area１">#REF!</definedName>
    <definedName name="Print_Area２">[36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1]３ページ'!$L$17</definedName>
    <definedName name="ｑｑｑｑｑ">[37]!Dialog3_ボタン2_Click</definedName>
    <definedName name="ｑｔ">'[38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8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39]!Dialog3_ボタン2_Click</definedName>
    <definedName name="RS">#REF!</definedName>
    <definedName name="RUM">#REF!</definedName>
    <definedName name="RV">#REF!</definedName>
    <definedName name="s">#REF!</definedName>
    <definedName name="sa">'[38]３ページ'!#REF!</definedName>
    <definedName name="SAB">#REF!</definedName>
    <definedName name="SCV">#REF!</definedName>
    <definedName name="sk">'[21]３ページ'!#REF!</definedName>
    <definedName name="SKｿｹｯﾄφ20">#REF!</definedName>
    <definedName name="SKｿｹｯﾄφ40">#REF!</definedName>
    <definedName name="smif">[40]機器等据付工!#REF!</definedName>
    <definedName name="SONI">#REF!</definedName>
    <definedName name="SONO">#REF!</definedName>
    <definedName name="SPK">17940</definedName>
    <definedName name="SQRT">#REF!</definedName>
    <definedName name="ｓｒ">[13]土工!#REF!</definedName>
    <definedName name="SUB">#REF!</definedName>
    <definedName name="SUS屋内">#REF!</definedName>
    <definedName name="SUS据付">#REF!</definedName>
    <definedName name="ｔ">[0]!ｔ</definedName>
    <definedName name="TANKA">'[41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18]!Unnpan</definedName>
    <definedName name="V">#REF!</definedName>
    <definedName name="ｖｆ">'[21]３ページ'!#REF!</definedName>
    <definedName name="VNJ">#REF!</definedName>
    <definedName name="VP.VU据付">#REF!</definedName>
    <definedName name="VU屋内">#REF!</definedName>
    <definedName name="ｖｖ">[42]条件!$C$6</definedName>
    <definedName name="W">#REF!</definedName>
    <definedName name="WA">#REF!</definedName>
    <definedName name="WIR_D_34">#REF!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3]Code!#REF!</definedName>
    <definedName name="ｗｗ">'[38]３ページ'!#REF!</definedName>
    <definedName name="X">#REF!</definedName>
    <definedName name="XC">#REF!</definedName>
    <definedName name="XMIN">#REF!</definedName>
    <definedName name="ｘｘ">[20]条件!$C$11</definedName>
    <definedName name="Y">[0]!Y</definedName>
    <definedName name="Yusou">[18]!Yusou</definedName>
    <definedName name="YusouHyouji">[18]!YusouHyouji</definedName>
    <definedName name="ｙｙ">[22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4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5]!φ50本設配管</definedName>
    <definedName name="ア">[46]表紙!#REF!</definedName>
    <definedName name="あ">[0]!あ</definedName>
    <definedName name="あ1">#REF!</definedName>
    <definedName name="ああ">'[21]３ページ'!#REF!</definedName>
    <definedName name="あああ">[0]!あああ</definedName>
    <definedName name="ああああ">#REF!</definedName>
    <definedName name="あああああ" hidden="1">#REF!</definedName>
    <definedName name="ああああああ">[46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1]３ページ'!$L$9</definedName>
    <definedName name="いいいい">[18]!Anzen</definedName>
    <definedName name="いらない列1">#REF!</definedName>
    <definedName name="いらない列2">#REF!</definedName>
    <definedName name="う">[0]!う</definedName>
    <definedName name="うう">'[21]２ページ'!$I$36</definedName>
    <definedName name="ううう">#REF!</definedName>
    <definedName name="うううう">#REF!</definedName>
    <definedName name="うぇ">[0]!うぇ</definedName>
    <definedName name="え">[47]!Dialog3_ボタン2_Click</definedName>
    <definedName name="ええ">'[21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1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8]府県別労務!$C$50</definedName>
    <definedName name="き">[0]!き</definedName>
    <definedName name="く">'[38]３ページ'!#REF!</definedName>
    <definedName name="くうちょう">#REF!</definedName>
    <definedName name="くぇ">[0]!くぇ</definedName>
    <definedName name="グランド照明">[25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1]H15年度4月-企業庁・県建設部単価表'!$A$5:$A$490</definedName>
    <definedName name="ｺﾝｸﾘｰﾄ混和剤">#REF!</definedName>
    <definedName name="ｺﾝﾏ小数点">#REF!</definedName>
    <definedName name="さ">[49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0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1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2]明細!#REF!</definedName>
    <definedName name="ダクタイル鋳鉄管">#REF!</definedName>
    <definedName name="ダクト">[5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1]１ページ'!$F$8</definedName>
    <definedName name="っｆ">'[21]容計（ﾕﾆｯﾄ）'!$F$33</definedName>
    <definedName name="っｇ">'[21]３ページ'!#REF!</definedName>
    <definedName name="っｈ">'[21]１ページ'!$F$11</definedName>
    <definedName name="っｊ">'[21]３ページ'!#REF!</definedName>
    <definedName name="っｋ">'[21]１ページ'!$F$9</definedName>
    <definedName name="っｌ">'[21]３ページ'!$S$68</definedName>
    <definedName name="っｐ">'[21]３ページ'!$S$56</definedName>
    <definedName name="っｒ">'[21]３ページ'!$G$16</definedName>
    <definedName name="っｓ">'[21]１ページ'!$F$10</definedName>
    <definedName name="っｔ">'[21]３ページ'!$S$54</definedName>
    <definedName name="っｗ">'[21]３ページ'!$G$16</definedName>
    <definedName name="っｙ">'[21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3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4]!Dialog3_ボタン2_Click</definedName>
    <definedName name="ピクチャ5_Click">[30]!ピクチャ5_Click</definedName>
    <definedName name="ﾋﾟｯﾄ築造">[54]!Dialog3_ボタン2_Click</definedName>
    <definedName name="ふ">#REF!</definedName>
    <definedName name="プリカ50">[23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5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6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0]条件!$E$21</definedName>
    <definedName name="んｈ">'[21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7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8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59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0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1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河川水">#REF!</definedName>
    <definedName name="稼働時間">#REF!</definedName>
    <definedName name="解析単位重量">#REF!</definedName>
    <definedName name="回収率">[56]条件!$C$14</definedName>
    <definedName name="開口">[54]!Dialog3_ボタン2_Click</definedName>
    <definedName name="開始頁">[59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5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2]機器等据付工!$B$8:$B$41,[62]機器等据付工!$B$65,[62]機器等据付工!$B$65:$B$98</definedName>
    <definedName name="機器名称２">[40]機器等据付工!#REF!</definedName>
    <definedName name="記号">[63]表紙!#REF!</definedName>
    <definedName name="記号3">[64]搬入据付様式!#REF!</definedName>
    <definedName name="記号4">[64]搬入据付様式!#REF!</definedName>
    <definedName name="記号5">[64]搬入据付様式!#REF!</definedName>
    <definedName name="記号6">[64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6]条件!$E$21</definedName>
    <definedName name="逆洗時間">[56]条件!$C$22</definedName>
    <definedName name="逆洗次亜費">#REF!</definedName>
    <definedName name="逆洗水率">[56]条件!$C$16</definedName>
    <definedName name="逆洗水量">[56]条件!$C$18</definedName>
    <definedName name="逆洗頻度">[56]条件!$C$21</definedName>
    <definedName name="逆洗分割数">#REF!</definedName>
    <definedName name="吸出防止材">[65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2]表紙!#REF!</definedName>
    <definedName name="金抜き設計書">#REF!</definedName>
    <definedName name="金抜設定">[59]表紙!#REF!</definedName>
    <definedName name="躯体">[6]仮設躯体!$A$182</definedName>
    <definedName name="掘削">[46]表紙!#REF!</definedName>
    <definedName name="掘削梁">[46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6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6]条件!$C$17</definedName>
    <definedName name="計画膜ろ過流束">[56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66]代価表 '!#REF!</definedName>
    <definedName name="見積比較換気">'[67]代価表 '!$Z$2</definedName>
    <definedName name="見積比較表">'[68]代価表 '!$Z$2</definedName>
    <definedName name="見比衛生2">'[69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0]設計書入力!$DT$23:$DU$700</definedName>
    <definedName name="工事件名">[71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59]表紙!#REF!</definedName>
    <definedName name="根拠範囲">[3]歩・屋!$B$3:$AD$372</definedName>
    <definedName name="左官">#REF!</definedName>
    <definedName name="査定率">#REF!</definedName>
    <definedName name="査定率表">[55]見積･重量!#REF!</definedName>
    <definedName name="最大給水量">#REF!</definedName>
    <definedName name="砕石">[72]一位代価表!$F$147</definedName>
    <definedName name="細粒度AS">#REF!</definedName>
    <definedName name="材質">#REF!</definedName>
    <definedName name="材種">[73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4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5]見積･重量!#REF!</definedName>
    <definedName name="修正">[22]表紙!#REF!</definedName>
    <definedName name="修正1">[22]表紙!#REF!</definedName>
    <definedName name="修正2">[22]表紙!#REF!</definedName>
    <definedName name="修正3">[22]表紙!#REF!</definedName>
    <definedName name="修正4">[22]表紙!#REF!</definedName>
    <definedName name="修正5">[59]表紙!#REF!</definedName>
    <definedName name="修正6">[59]表紙!#REF!</definedName>
    <definedName name="修正年月">[75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0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72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6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3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7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2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一覧PRINT">#REF!</definedName>
    <definedName name="代価一覧表PRINT">#REF!</definedName>
    <definedName name="代価根拠範囲">[3]歩・屋!$B$3:$AD$362</definedName>
    <definedName name="代価電気">[78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79]Ａ代価 '!#REF!</definedName>
    <definedName name="第_Ｂ_４">'[79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0]経費計算!#REF!</definedName>
    <definedName name="単位">#REF!</definedName>
    <definedName name="単位量">#REF!</definedName>
    <definedName name="単価">#REF!</definedName>
    <definedName name="単価コード">[81]単価コード!$B$1:$H$65536</definedName>
    <definedName name="単価一覧">#REF!</definedName>
    <definedName name="単価一覧表">[82]単価一覧表!$A$2:$H$378</definedName>
    <definedName name="単価表">[83]単価コード表!$B$3:$L$1403</definedName>
    <definedName name="段数">[56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4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0]経費計算!#REF!</definedName>
    <definedName name="電気材料①">[80]経費計算!#REF!</definedName>
    <definedName name="電気材料③">[80]経費計算!#REF!</definedName>
    <definedName name="電気代価">[85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6]!ピクチャ5_Click</definedName>
    <definedName name="電工">#REF!</definedName>
    <definedName name="電工1">[23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2]内訳!#REF!</definedName>
    <definedName name="吐１">[52]内訳!#REF!</definedName>
    <definedName name="吐出">[52]内訳!#REF!</definedName>
    <definedName name="吐出弁">[5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2]工事費内訳表!$H$11</definedName>
    <definedName name="土木一般世話役">#REF!</definedName>
    <definedName name="土木世話役">#REF!</definedName>
    <definedName name="土留工">#REF!</definedName>
    <definedName name="土量計算書">[46]表紙!#REF!</definedName>
    <definedName name="東海">#REF!</definedName>
    <definedName name="湯ノ谷印刷">[87]!湯ノ谷印刷</definedName>
    <definedName name="当り">#REF!</definedName>
    <definedName name="頭出しA">[88]修正履歴!#REF!</definedName>
    <definedName name="動力費">#REF!</definedName>
    <definedName name="特殊運転手">#REF!</definedName>
    <definedName name="特殊作業員">#REF!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89]外部改修工事!#REF!</definedName>
    <definedName name="内部給排2">[89]外部改修工事!#REF!</definedName>
    <definedName name="内部給排3">[89]外部改修工事!#REF!</definedName>
    <definedName name="内部建具">[6]内部!$A$1</definedName>
    <definedName name="内部雑">[6]内訳!$A$316</definedName>
    <definedName name="内訳">[90]表紙!#REF!</definedName>
    <definedName name="内訳1" hidden="1">{"設定1",#N/A,FALSE,"第5号-1";"設定2",#N/A,FALSE,"第5号-1"}</definedName>
    <definedName name="内訳2">[91]内訳!#REF!</definedName>
    <definedName name="内訳一覧">#REF!</definedName>
    <definedName name="内訳書">[92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3]排水器具・ﾄﾗｯﾌﾟ!$V$50:$AC$70</definedName>
    <definedName name="排水PS">#REF!</definedName>
    <definedName name="排水器具･ﾄﾗｯﾌﾟ等">[93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4]代価表 '!$Z$6</definedName>
    <definedName name="表紙">[95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3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59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6]物価資料価格表(変更後)'!$A$1:$L$65536</definedName>
    <definedName name="分類">[97]機器等据付重量表!$C$7:$C$56,[97]機器等据付重量表!$C$63,[97]機器等据付重量表!$C$63:$C$112,[97]機器等据付重量表!$C$119,[97]機器等据付重量表!$C$119:$C$168,[97]機器等据付重量表!$C$175:$C$224,[97]機器等据付重量表!$C$231,[97]機器等据付重量表!$C$231:$C$280,[97]機器等据付重量表!$C$287,[97]機器等据付重量表!$C$287:$C$336,[97]機器等据付重量表!$C$343,[97]機器等据付重量表!$C$343:$C$392</definedName>
    <definedName name="粉炭費">#REF!</definedName>
    <definedName name="兵庫県都まちづくり部設備課">[98]小項目!#REF!</definedName>
    <definedName name="頁枚数">[22]表紙!#REF!</definedName>
    <definedName name="別途">[6]付帯!$F$3</definedName>
    <definedName name="変更用紙">[76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6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6]条件!$E$23</definedName>
    <definedName name="薬注時間">[56]条件!$C$24</definedName>
    <definedName name="薬注頻度">[56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2]工事費内訳表!$H$43</definedName>
    <definedName name="擁壁大">[72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9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6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0]経費計算!#REF!</definedName>
    <definedName name="労務費2">[87]!湯ノ谷印刷</definedName>
    <definedName name="労務表">[100]労務単価コード!$B$2:$E$64</definedName>
    <definedName name="濾過池配線材料" hidden="1">{"設定1",#N/A,FALSE,"第5号-1";"設定2",#N/A,FALSE,"第5号-1"}</definedName>
  </definedNames>
  <calcPr calcId="145621"/>
</workbook>
</file>

<file path=xl/calcChain.xml><?xml version="1.0" encoding="utf-8"?>
<calcChain xmlns="http://schemas.openxmlformats.org/spreadsheetml/2006/main">
  <c r="H34" i="3" l="1"/>
</calcChain>
</file>

<file path=xl/sharedStrings.xml><?xml version="1.0" encoding="utf-8"?>
<sst xmlns="http://schemas.openxmlformats.org/spreadsheetml/2006/main" count="30" uniqueCount="26">
  <si>
    <t>工事名</t>
    <rPh sb="0" eb="2">
      <t>コウジ</t>
    </rPh>
    <rPh sb="2" eb="3">
      <t>ナ</t>
    </rPh>
    <phoneticPr fontId="5"/>
  </si>
  <si>
    <t>工事場所</t>
    <rPh sb="0" eb="2">
      <t>コウジ</t>
    </rPh>
    <rPh sb="2" eb="4">
      <t>バショ</t>
    </rPh>
    <phoneticPr fontId="5"/>
  </si>
  <si>
    <t>工事費内訳書</t>
    <rPh sb="0" eb="2">
      <t>コウジ</t>
    </rPh>
    <rPh sb="2" eb="3">
      <t>ヒ</t>
    </rPh>
    <rPh sb="3" eb="6">
      <t>ウチワケショ</t>
    </rPh>
    <phoneticPr fontId="5"/>
  </si>
  <si>
    <t>費目</t>
    <rPh sb="0" eb="2">
      <t>ヒモク</t>
    </rPh>
    <phoneticPr fontId="5"/>
  </si>
  <si>
    <t>工種</t>
    <rPh sb="0" eb="1">
      <t>コウ</t>
    </rPh>
    <rPh sb="1" eb="2">
      <t>シュ</t>
    </rPh>
    <phoneticPr fontId="5"/>
  </si>
  <si>
    <t>種別</t>
    <rPh sb="0" eb="2">
      <t>シュベツ</t>
    </rPh>
    <phoneticPr fontId="5"/>
  </si>
  <si>
    <t>細別/規格</t>
    <rPh sb="0" eb="2">
      <t>サイベツ</t>
    </rPh>
    <rPh sb="3" eb="5">
      <t>キカク</t>
    </rPh>
    <phoneticPr fontId="5"/>
  </si>
  <si>
    <t>単位</t>
    <rPh sb="0" eb="2">
      <t>タンイ</t>
    </rPh>
    <phoneticPr fontId="5"/>
  </si>
  <si>
    <t>数量</t>
    <rPh sb="0" eb="2">
      <t>スウリョウ</t>
    </rPh>
    <phoneticPr fontId="5"/>
  </si>
  <si>
    <t>単価</t>
  </si>
  <si>
    <t>金額</t>
  </si>
  <si>
    <t>摘　　　　　　要</t>
    <phoneticPr fontId="5"/>
  </si>
  <si>
    <t>平成28年度水道事業実務必携に記載の請負工事積算基準｢構造物工事（浄水場等）」にて積算。</t>
    <rPh sb="0" eb="2">
      <t>ヘイセイ</t>
    </rPh>
    <rPh sb="4" eb="6">
      <t>ネンド</t>
    </rPh>
    <rPh sb="6" eb="8">
      <t>スイドウ</t>
    </rPh>
    <rPh sb="8" eb="10">
      <t>ジギョウ</t>
    </rPh>
    <rPh sb="10" eb="12">
      <t>ジツム</t>
    </rPh>
    <rPh sb="12" eb="14">
      <t>ヒッケイ</t>
    </rPh>
    <rPh sb="15" eb="17">
      <t>キサイ</t>
    </rPh>
    <rPh sb="18" eb="20">
      <t>ウケオイ</t>
    </rPh>
    <rPh sb="20" eb="22">
      <t>コウジ</t>
    </rPh>
    <rPh sb="22" eb="24">
      <t>セキサン</t>
    </rPh>
    <rPh sb="24" eb="26">
      <t>キジュン</t>
    </rPh>
    <rPh sb="27" eb="30">
      <t>コウゾウブツ</t>
    </rPh>
    <rPh sb="30" eb="32">
      <t>コウジ</t>
    </rPh>
    <rPh sb="33" eb="36">
      <t>ジョウスイジョウ</t>
    </rPh>
    <rPh sb="36" eb="37">
      <t>ナド</t>
    </rPh>
    <rPh sb="41" eb="43">
      <t>セキサン</t>
    </rPh>
    <phoneticPr fontId="5"/>
  </si>
  <si>
    <t>共通仮設費</t>
    <rPh sb="0" eb="2">
      <t>キョウツウ</t>
    </rPh>
    <rPh sb="2" eb="4">
      <t>カセツ</t>
    </rPh>
    <rPh sb="4" eb="5">
      <t>ヒ</t>
    </rPh>
    <phoneticPr fontId="3"/>
  </si>
  <si>
    <t>式</t>
    <rPh sb="0" eb="1">
      <t>シキ</t>
    </rPh>
    <phoneticPr fontId="3"/>
  </si>
  <si>
    <t>直接工事費</t>
    <phoneticPr fontId="3"/>
  </si>
  <si>
    <t>共通仮設費率計算額</t>
    <rPh sb="5" eb="6">
      <t>リツ</t>
    </rPh>
    <rPh sb="6" eb="8">
      <t>ケイサン</t>
    </rPh>
    <rPh sb="8" eb="9">
      <t>ガク</t>
    </rPh>
    <phoneticPr fontId="3"/>
  </si>
  <si>
    <t>純工事費</t>
    <rPh sb="0" eb="1">
      <t>ジュン</t>
    </rPh>
    <rPh sb="1" eb="4">
      <t>コウジヒ</t>
    </rPh>
    <phoneticPr fontId="3"/>
  </si>
  <si>
    <t>現場管理費</t>
    <rPh sb="0" eb="2">
      <t>ゲンバ</t>
    </rPh>
    <rPh sb="2" eb="4">
      <t>カンリ</t>
    </rPh>
    <rPh sb="4" eb="5">
      <t>ヒ</t>
    </rPh>
    <phoneticPr fontId="3"/>
  </si>
  <si>
    <t>現場管理費率計算額</t>
    <rPh sb="0" eb="2">
      <t>ゲンバ</t>
    </rPh>
    <rPh sb="2" eb="4">
      <t>カンリ</t>
    </rPh>
    <rPh sb="4" eb="5">
      <t>ヒ</t>
    </rPh>
    <rPh sb="5" eb="6">
      <t>リツ</t>
    </rPh>
    <rPh sb="6" eb="8">
      <t>ケイサン</t>
    </rPh>
    <rPh sb="8" eb="9">
      <t>ガク</t>
    </rPh>
    <phoneticPr fontId="3"/>
  </si>
  <si>
    <t>工事原価</t>
    <rPh sb="0" eb="2">
      <t>コウジ</t>
    </rPh>
    <rPh sb="2" eb="4">
      <t>ゲンカ</t>
    </rPh>
    <phoneticPr fontId="3"/>
  </si>
  <si>
    <t>一般管理費等</t>
    <rPh sb="0" eb="2">
      <t>イッパン</t>
    </rPh>
    <rPh sb="2" eb="4">
      <t>カンリ</t>
    </rPh>
    <rPh sb="4" eb="5">
      <t>ヒ</t>
    </rPh>
    <rPh sb="5" eb="6">
      <t>ナド</t>
    </rPh>
    <phoneticPr fontId="3"/>
  </si>
  <si>
    <t>一般管理費率計算額</t>
    <rPh sb="0" eb="2">
      <t>イッパン</t>
    </rPh>
    <rPh sb="2" eb="5">
      <t>カンリヒ</t>
    </rPh>
    <rPh sb="5" eb="6">
      <t>リツ</t>
    </rPh>
    <rPh sb="6" eb="8">
      <t>ケイサン</t>
    </rPh>
    <rPh sb="8" eb="9">
      <t>ガク</t>
    </rPh>
    <phoneticPr fontId="3"/>
  </si>
  <si>
    <t>工事価格</t>
    <rPh sb="0" eb="2">
      <t>コウジ</t>
    </rPh>
    <rPh sb="2" eb="4">
      <t>カカク</t>
    </rPh>
    <phoneticPr fontId="3"/>
  </si>
  <si>
    <t>小牧水源地及び羽津山加圧ポンプ所蓄電池取替工事</t>
  </si>
  <si>
    <t>四日市市小牧町及び緑丘町地内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8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_ "/>
    <numFmt numFmtId="177" formatCode="0.000"/>
    <numFmt numFmtId="178" formatCode="&quot;(&quot;#,##0&quot;)&quot;"/>
    <numFmt numFmtId="179" formatCode="#,##0.0"/>
    <numFmt numFmtId="180" formatCode="0.000_ "/>
    <numFmt numFmtId="181" formatCode="hh:mm\ \T\K"/>
    <numFmt numFmtId="182" formatCode=";;;"/>
    <numFmt numFmtId="183" formatCode="_(&quot;$&quot;* #,##0_);_(&quot;$&quot;* \(#,##0\);_(&quot;$&quot;* &quot;-&quot;_);_(@_)"/>
    <numFmt numFmtId="184" formatCode="_(&quot;$&quot;* #,##0.00_);_(&quot;$&quot;* \(#,##0.00\);_(&quot;$&quot;* &quot;-&quot;??_);_(@_)"/>
    <numFmt numFmtId="185" formatCode="mm/dd/yy\ h:mm"/>
    <numFmt numFmtId="186" formatCode="mmmm/dd/yyyy\ h:mm"/>
    <numFmt numFmtId="187" formatCode="_-* #,##0.0_-;\-* #,##0.0_-;_-* &quot;-&quot;??_-;_-@_-"/>
    <numFmt numFmtId="188" formatCode="0.00000%"/>
    <numFmt numFmtId="189" formatCode="&quot;¥&quot;#,##0.0;[Red]&quot;¥&quot;\-#,##0.0"/>
    <numFmt numFmtId="190" formatCode="_(* #,##0_);_(* \(#,##0\);_(* &quot;-&quot;??_);_(@_)"/>
    <numFmt numFmtId="191" formatCode="&quot;$&quot;#,##0.00"/>
    <numFmt numFmtId="192" formatCode="#,##0&quot; &quot;"/>
    <numFmt numFmtId="193" formatCode="&quot;[&quot;#,##0&quot;]&quot;"/>
    <numFmt numFmtId="194" formatCode="\(#,##0\)"/>
    <numFmt numFmtId="195" formatCode="#,##0\ &quot;&quot;"/>
    <numFmt numFmtId="196" formatCode="#,##0\ "/>
    <numFmt numFmtId="197" formatCode="#,##0\ &quot; x&quot;"/>
    <numFmt numFmtId="198" formatCode="\(#,##0\);\(\(#,##0\)\)"/>
    <numFmt numFmtId="199" formatCode="#,##0.0000;[Red]\-#,##0.0000"/>
    <numFmt numFmtId="200" formatCode="#,##0\ &quot; +&quot;"/>
    <numFmt numFmtId="201" formatCode="#,##0_);[Red]\(#,##0\)"/>
    <numFmt numFmtId="202" formatCode="0.0000_ "/>
    <numFmt numFmtId="203" formatCode="\-#,##0_ "/>
    <numFmt numFmtId="204" formatCode="&quot;[&quot;#,##0&quot;]&quot;\+"/>
    <numFmt numFmtId="205" formatCode="&quot;×&quot;#&quot;%&quot;"/>
    <numFmt numFmtId="206" formatCode="[$-411]ge\.m\.d;@"/>
    <numFmt numFmtId="207" formatCode="0.0000"/>
    <numFmt numFmtId="208" formatCode="0_ "/>
    <numFmt numFmtId="209" formatCode="#,##0.0;[Red]\-#,##0.0"/>
    <numFmt numFmtId="210" formatCode="#,##0\ ;\-#,##0\ ;_ * &quot;- &quot;_ ;_ @_ "/>
    <numFmt numFmtId="211" formatCode="_(&quot;¥&quot;* #,##0_);_(&quot;¥&quot;* \(#,##0\);_(&quot;¥&quot;* &quot;-&quot;??_);_(@_)"/>
    <numFmt numFmtId="212" formatCode="###0"/>
    <numFmt numFmtId="213" formatCode="#,##0\-;&quot;▲&quot;#,##0\-"/>
    <numFmt numFmtId="214" formatCode="&quot;¥&quot;#,##0\-;&quot;¥&quot;&quot;▲&quot;#,##0\-"/>
    <numFmt numFmtId="215" formatCode="0.0"/>
    <numFmt numFmtId="216" formatCode="#,##0\ ;[Red]\-#,##0\ "/>
    <numFmt numFmtId="217" formatCode="###0.0;[Red]\-###0.0"/>
    <numFmt numFmtId="218" formatCode="###0.00;[Red]\-###0.00"/>
    <numFmt numFmtId="219" formatCode="#,##0.000\ ;[Red]\-#,##0.000\ "/>
  </numFmts>
  <fonts count="72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16"/>
      <name val="ＭＳ 明朝"/>
      <family val="1"/>
      <charset val="128"/>
    </font>
    <font>
      <sz val="10"/>
      <name val="明朝"/>
      <family val="1"/>
      <charset val="128"/>
    </font>
    <font>
      <sz val="10"/>
      <color indexed="8"/>
      <name val="Arial"/>
      <family val="2"/>
    </font>
    <font>
      <b/>
      <sz val="12"/>
      <name val="Helv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2"/>
      <name val="ＭＳ 明朝"/>
      <family val="1"/>
      <charset val="128"/>
    </font>
    <font>
      <sz val="18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Ｐゴシック"/>
      <family val="3"/>
      <charset val="128"/>
    </font>
    <font>
      <sz val="11"/>
      <name val="¾©"/>
      <family val="1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color indexed="10"/>
      <name val="ＭＳ 明朝"/>
      <family val="1"/>
      <charset val="128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1"/>
      <name val="Times New Roman"/>
      <family val="1"/>
    </font>
    <font>
      <sz val="12"/>
      <name val="Times New Roman"/>
      <family val="1"/>
    </font>
    <font>
      <sz val="9"/>
      <name val="細明朝体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リュウミンライト−ＫＬ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indexed="22"/>
      </patternFill>
    </fill>
    <fill>
      <patternFill patternType="solid">
        <fgColor indexed="9"/>
        <bgColor indexed="9"/>
      </patternFill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</fills>
  <borders count="59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242">
    <xf numFmtId="0" fontId="0" fillId="0" borderId="0">
      <alignment vertical="center"/>
    </xf>
    <xf numFmtId="183" fontId="12" fillId="0" borderId="0" applyFont="0" applyFill="0" applyBorder="0" applyAlignment="0" applyProtection="0"/>
    <xf numFmtId="184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/>
    <xf numFmtId="9" fontId="12" fillId="2" borderId="0"/>
    <xf numFmtId="40" fontId="47" fillId="0" borderId="0" applyFont="0" applyFill="0" applyBorder="0" applyAlignment="0" applyProtection="0"/>
    <xf numFmtId="8" fontId="47" fillId="0" borderId="0" applyFont="0" applyFill="0" applyBorder="0" applyAlignment="0" applyProtection="0"/>
    <xf numFmtId="177" fontId="31" fillId="0" borderId="1" applyFont="0" applyFill="0" applyBorder="0" applyAlignment="0" applyProtection="0"/>
    <xf numFmtId="0" fontId="41" fillId="0" borderId="2" applyNumberFormat="0" applyFont="0" applyFill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/>
    <xf numFmtId="0" fontId="48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179" fontId="4" fillId="0" borderId="0" applyFill="0" applyBorder="0" applyAlignment="0"/>
    <xf numFmtId="179" fontId="4" fillId="0" borderId="0" applyFill="0" applyBorder="0" applyAlignment="0"/>
    <xf numFmtId="179" fontId="4" fillId="0" borderId="0" applyFill="0" applyBorder="0" applyAlignment="0"/>
    <xf numFmtId="186" fontId="4" fillId="0" borderId="0" applyFill="0" applyBorder="0" applyAlignment="0"/>
    <xf numFmtId="185" fontId="4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185" fontId="4" fillId="0" borderId="0" applyFill="0" applyBorder="0" applyAlignment="0"/>
    <xf numFmtId="0" fontId="12" fillId="0" borderId="0" applyFill="0" applyBorder="0" applyAlignment="0"/>
    <xf numFmtId="186" fontId="4" fillId="0" borderId="0" applyFill="0" applyBorder="0" applyAlignment="0"/>
    <xf numFmtId="0" fontId="12" fillId="0" borderId="0" applyFont="0" applyFill="0" applyBorder="0" applyAlignment="0" applyProtection="0"/>
    <xf numFmtId="185" fontId="4" fillId="0" borderId="0" applyFont="0" applyFill="0" applyBorder="0" applyAlignment="0" applyProtection="0"/>
    <xf numFmtId="187" fontId="12" fillId="0" borderId="0" applyFont="0" applyFill="0" applyBorder="0" applyAlignment="0" applyProtection="0"/>
    <xf numFmtId="0" fontId="49" fillId="0" borderId="0" applyNumberFormat="0" applyFont="0" applyBorder="0" applyAlignment="0" applyProtection="0"/>
    <xf numFmtId="0" fontId="12" fillId="0" borderId="0" applyFont="0" applyFill="0" applyBorder="0" applyAlignment="0" applyProtection="0"/>
    <xf numFmtId="186" fontId="4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3" fillId="0" borderId="3" applyNumberFormat="0" applyBorder="0">
      <alignment horizontal="centerContinuous"/>
    </xf>
    <xf numFmtId="14" fontId="32" fillId="0" borderId="0" applyFill="0" applyBorder="0" applyAlignment="0"/>
    <xf numFmtId="185" fontId="4" fillId="0" borderId="0" applyFill="0" applyBorder="0" applyAlignment="0"/>
    <xf numFmtId="186" fontId="4" fillId="0" borderId="0" applyFill="0" applyBorder="0" applyAlignment="0"/>
    <xf numFmtId="185" fontId="4" fillId="0" borderId="0" applyFill="0" applyBorder="0" applyAlignment="0"/>
    <xf numFmtId="0" fontId="12" fillId="0" borderId="0" applyFill="0" applyBorder="0" applyAlignment="0"/>
    <xf numFmtId="186" fontId="4" fillId="0" borderId="0" applyFill="0" applyBorder="0" applyAlignment="0"/>
    <xf numFmtId="0" fontId="37" fillId="0" borderId="0">
      <alignment horizontal="left"/>
    </xf>
    <xf numFmtId="0" fontId="34" fillId="0" borderId="0" applyNumberFormat="0" applyFill="0" applyBorder="0" applyAlignment="0" applyProtection="0"/>
    <xf numFmtId="38" fontId="35" fillId="17" borderId="0" applyNumberFormat="0" applyBorder="0" applyAlignment="0" applyProtection="0"/>
    <xf numFmtId="0" fontId="11" fillId="0" borderId="4" applyNumberFormat="0" applyAlignment="0" applyProtection="0">
      <alignment horizontal="left" vertical="center"/>
    </xf>
    <xf numFmtId="0" fontId="11" fillId="0" borderId="5">
      <alignment horizontal="left" vertical="center"/>
    </xf>
    <xf numFmtId="0" fontId="36" fillId="0" borderId="0" applyNumberFormat="0" applyFill="0" applyBorder="0" applyAlignment="0" applyProtection="0">
      <alignment vertical="top"/>
      <protection locked="0"/>
    </xf>
    <xf numFmtId="10" fontId="35" fillId="18" borderId="6" applyNumberFormat="0" applyBorder="0" applyAlignment="0" applyProtection="0"/>
    <xf numFmtId="185" fontId="4" fillId="0" borderId="0" applyFill="0" applyBorder="0" applyAlignment="0"/>
    <xf numFmtId="186" fontId="4" fillId="0" borderId="0" applyFill="0" applyBorder="0" applyAlignment="0"/>
    <xf numFmtId="185" fontId="4" fillId="0" borderId="0" applyFill="0" applyBorder="0" applyAlignment="0"/>
    <xf numFmtId="0" fontId="12" fillId="0" borderId="0" applyFill="0" applyBorder="0" applyAlignment="0"/>
    <xf numFmtId="186" fontId="4" fillId="0" borderId="0" applyFill="0" applyBorder="0" applyAlignment="0"/>
    <xf numFmtId="0" fontId="45" fillId="0" borderId="0" applyNumberFormat="0" applyFill="0" applyBorder="0" applyAlignment="0" applyProtection="0"/>
    <xf numFmtId="0" fontId="49" fillId="0" borderId="0" applyNumberFormat="0" applyFill="0" applyBorder="0" applyAlignment="0" applyProtection="0"/>
    <xf numFmtId="2" fontId="37" fillId="19" borderId="0"/>
    <xf numFmtId="188" fontId="7" fillId="0" borderId="0"/>
    <xf numFmtId="0" fontId="12" fillId="0" borderId="0"/>
    <xf numFmtId="178" fontId="38" fillId="0" borderId="0" applyFont="0" applyFill="0" applyBorder="0" applyAlignment="0" applyProtection="0"/>
    <xf numFmtId="176" fontId="38" fillId="0" borderId="0" applyFont="0" applyFill="0" applyBorder="0" applyAlignment="0" applyProtection="0"/>
    <xf numFmtId="0" fontId="12" fillId="0" borderId="0" applyFont="0" applyFill="0" applyBorder="0" applyAlignment="0" applyProtection="0"/>
    <xf numFmtId="187" fontId="12" fillId="0" borderId="0" applyFont="0" applyFill="0" applyBorder="0" applyAlignment="0" applyProtection="0"/>
    <xf numFmtId="1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185" fontId="4" fillId="0" borderId="0" applyFill="0" applyBorder="0" applyAlignment="0"/>
    <xf numFmtId="186" fontId="4" fillId="0" borderId="0" applyFill="0" applyBorder="0" applyAlignment="0"/>
    <xf numFmtId="185" fontId="4" fillId="0" borderId="0" applyFill="0" applyBorder="0" applyAlignment="0"/>
    <xf numFmtId="0" fontId="12" fillId="0" borderId="0" applyFill="0" applyBorder="0" applyAlignment="0"/>
    <xf numFmtId="186" fontId="4" fillId="0" borderId="0" applyFill="0" applyBorder="0" applyAlignment="0"/>
    <xf numFmtId="4" fontId="37" fillId="0" borderId="0">
      <alignment horizontal="right"/>
    </xf>
    <xf numFmtId="0" fontId="50" fillId="0" borderId="0" applyNumberFormat="0" applyFont="0" applyFill="0" applyBorder="0" applyAlignment="0" applyProtection="0">
      <alignment horizontal="left"/>
    </xf>
    <xf numFmtId="0" fontId="51" fillId="0" borderId="7">
      <alignment horizontal="center"/>
    </xf>
    <xf numFmtId="4" fontId="52" fillId="0" borderId="0">
      <alignment horizontal="right"/>
    </xf>
    <xf numFmtId="0" fontId="46" fillId="0" borderId="0"/>
    <xf numFmtId="0" fontId="46" fillId="0" borderId="0"/>
    <xf numFmtId="0" fontId="53" fillId="0" borderId="0">
      <alignment horizontal="left"/>
    </xf>
    <xf numFmtId="0" fontId="50" fillId="0" borderId="0"/>
    <xf numFmtId="0" fontId="39" fillId="0" borderId="0"/>
    <xf numFmtId="49" fontId="32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0" fontId="54" fillId="0" borderId="0">
      <alignment horizontal="center"/>
    </xf>
    <xf numFmtId="189" fontId="38" fillId="0" borderId="0" applyFont="0" applyFill="0" applyBorder="0" applyAlignment="0" applyProtection="0"/>
    <xf numFmtId="180" fontId="38" fillId="0" borderId="0" applyFont="0" applyFill="0" applyBorder="0" applyAlignment="0" applyProtection="0"/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4" borderId="8" applyNumberFormat="0" applyAlignment="0" applyProtection="0">
      <alignment vertical="center"/>
    </xf>
    <xf numFmtId="0" fontId="15" fillId="25" borderId="0" applyNumberFormat="0" applyBorder="0" applyAlignment="0" applyProtection="0">
      <alignment vertical="center"/>
    </xf>
    <xf numFmtId="190" fontId="27" fillId="0" borderId="0" applyFont="0" applyFill="0" applyBorder="0" applyAlignment="0" applyProtection="0"/>
    <xf numFmtId="191" fontId="27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8" fillId="0" borderId="9" applyNumberFormat="0" applyFill="0" applyBorder="0" applyAlignment="0" applyProtection="0">
      <alignment horizontal="distributed" vertical="center" justifyLastLine="1"/>
    </xf>
    <xf numFmtId="0" fontId="40" fillId="0" borderId="0"/>
    <xf numFmtId="0" fontId="4" fillId="26" borderId="10" applyNumberFormat="0" applyFont="0" applyAlignment="0" applyProtection="0">
      <alignment vertical="center"/>
    </xf>
    <xf numFmtId="41" fontId="12" fillId="0" borderId="0" applyFont="0" applyFill="0" applyBorder="0" applyAlignment="0" applyProtection="0"/>
    <xf numFmtId="4" fontId="40" fillId="0" borderId="0" applyFont="0" applyFill="0" applyBorder="0" applyAlignment="0" applyProtection="0"/>
    <xf numFmtId="0" fontId="55" fillId="27" borderId="0" applyNumberFormat="0" applyBorder="0" applyAlignment="0" applyProtection="0">
      <alignment vertical="center"/>
    </xf>
    <xf numFmtId="0" fontId="16" fillId="0" borderId="11" applyNumberFormat="0" applyFill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210" fontId="43" fillId="0" borderId="0" applyFill="0" applyBorder="0" applyAlignment="0" applyProtection="0">
      <alignment vertical="center"/>
    </xf>
    <xf numFmtId="0" fontId="56" fillId="28" borderId="0">
      <alignment horizontal="right" vertical="top"/>
    </xf>
    <xf numFmtId="0" fontId="55" fillId="27" borderId="0" applyNumberFormat="0" applyBorder="0" applyAlignment="0" applyProtection="0"/>
    <xf numFmtId="211" fontId="7" fillId="19" borderId="12" applyFont="0" applyFill="0" applyBorder="0" applyAlignment="0" applyProtection="0">
      <protection locked="0"/>
    </xf>
    <xf numFmtId="0" fontId="18" fillId="29" borderId="13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209" fontId="6" fillId="0" borderId="14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38" fontId="27" fillId="0" borderId="0" applyFont="0" applyFill="0" applyBorder="0" applyAlignment="0" applyProtection="0"/>
    <xf numFmtId="212" fontId="57" fillId="0" borderId="15" applyFill="0" applyBorder="0" applyProtection="0"/>
    <xf numFmtId="3" fontId="31" fillId="0" borderId="0" applyFont="0" applyFill="0" applyBorder="0" applyAlignment="0" applyProtection="0"/>
    <xf numFmtId="0" fontId="31" fillId="0" borderId="1" applyFont="0" applyFill="0" applyBorder="0" applyAlignment="0" applyProtection="0">
      <alignment horizontal="right"/>
    </xf>
    <xf numFmtId="4" fontId="31" fillId="0" borderId="1" applyFont="0" applyFill="0" applyBorder="0" applyAlignment="0" applyProtection="0"/>
    <xf numFmtId="0" fontId="20" fillId="0" borderId="16" applyNumberFormat="0" applyFill="0" applyAlignment="0" applyProtection="0">
      <alignment vertical="center"/>
    </xf>
    <xf numFmtId="0" fontId="21" fillId="0" borderId="17" applyNumberFormat="0" applyFill="0" applyAlignment="0" applyProtection="0">
      <alignment vertical="center"/>
    </xf>
    <xf numFmtId="0" fontId="22" fillId="0" borderId="18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213" fontId="31" fillId="0" borderId="19">
      <protection locked="0"/>
    </xf>
    <xf numFmtId="213" fontId="31" fillId="0" borderId="19">
      <protection locked="0"/>
    </xf>
    <xf numFmtId="214" fontId="31" fillId="0" borderId="19">
      <protection locked="0"/>
    </xf>
    <xf numFmtId="0" fontId="28" fillId="0" borderId="20">
      <alignment horizontal="center"/>
    </xf>
    <xf numFmtId="0" fontId="23" fillId="0" borderId="21" applyNumberFormat="0" applyFill="0" applyAlignment="0" applyProtection="0">
      <alignment vertical="center"/>
    </xf>
    <xf numFmtId="0" fontId="24" fillId="29" borderId="22" applyNumberFormat="0" applyAlignment="0" applyProtection="0">
      <alignment vertical="center"/>
    </xf>
    <xf numFmtId="0" fontId="30" fillId="0" borderId="0">
      <alignment vertical="center"/>
    </xf>
    <xf numFmtId="42" fontId="43" fillId="0" borderId="0" applyFill="0" applyBorder="0" applyAlignment="0" applyProtection="0">
      <alignment horizontal="center" vertical="center"/>
    </xf>
    <xf numFmtId="215" fontId="58" fillId="28" borderId="23">
      <alignment horizontal="right"/>
    </xf>
    <xf numFmtId="2" fontId="59" fillId="0" borderId="24">
      <alignment horizontal="center"/>
    </xf>
    <xf numFmtId="0" fontId="60" fillId="0" borderId="0" applyNumberFormat="0" applyFont="0" applyBorder="0" applyAlignment="0" applyProtection="0"/>
    <xf numFmtId="0" fontId="25" fillId="0" borderId="0" applyNumberFormat="0" applyFill="0" applyBorder="0" applyAlignment="0" applyProtection="0">
      <alignment vertical="center"/>
    </xf>
    <xf numFmtId="0" fontId="61" fillId="0" borderId="25" applyFill="0" applyBorder="0" applyProtection="0">
      <alignment horizontal="left" vertical="center"/>
    </xf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6" fontId="4" fillId="0" borderId="0" applyFont="0" applyFill="0" applyBorder="0" applyAlignment="0" applyProtection="0"/>
    <xf numFmtId="0" fontId="26" fillId="8" borderId="13" applyNumberFormat="0" applyAlignment="0" applyProtection="0">
      <alignment vertical="center"/>
    </xf>
    <xf numFmtId="58" fontId="31" fillId="0" borderId="0" applyFont="0" applyFill="0" applyBorder="0" applyAlignment="0" applyProtection="0"/>
    <xf numFmtId="208" fontId="46" fillId="0" borderId="26" applyNumberFormat="0" applyFont="0" applyAlignment="0" applyProtection="0"/>
    <xf numFmtId="182" fontId="31" fillId="0" borderId="1" applyFont="0" applyFill="0" applyBorder="0" applyAlignment="0" applyProtection="0"/>
    <xf numFmtId="0" fontId="4" fillId="0" borderId="0"/>
    <xf numFmtId="0" fontId="4" fillId="0" borderId="0"/>
    <xf numFmtId="206" fontId="4" fillId="0" borderId="0"/>
    <xf numFmtId="0" fontId="43" fillId="0" borderId="0"/>
    <xf numFmtId="0" fontId="4" fillId="0" borderId="0"/>
    <xf numFmtId="206" fontId="63" fillId="0" borderId="0">
      <alignment vertical="center"/>
    </xf>
    <xf numFmtId="0" fontId="27" fillId="0" borderId="0"/>
    <xf numFmtId="0" fontId="62" fillId="0" borderId="0"/>
    <xf numFmtId="0" fontId="31" fillId="0" borderId="0"/>
    <xf numFmtId="181" fontId="8" fillId="0" borderId="0"/>
    <xf numFmtId="0" fontId="8" fillId="0" borderId="0" applyNumberFormat="0" applyBorder="0" applyAlignment="0"/>
    <xf numFmtId="0" fontId="41" fillId="0" borderId="0" applyBorder="0">
      <alignment vertical="center"/>
    </xf>
    <xf numFmtId="0" fontId="27" fillId="0" borderId="0"/>
    <xf numFmtId="0" fontId="28" fillId="0" borderId="0"/>
    <xf numFmtId="0" fontId="29" fillId="5" borderId="0" applyNumberFormat="0" applyBorder="0" applyAlignment="0" applyProtection="0">
      <alignment vertical="center"/>
    </xf>
    <xf numFmtId="38" fontId="31" fillId="0" borderId="0">
      <alignment vertical="center"/>
      <protection hidden="1"/>
    </xf>
    <xf numFmtId="0" fontId="65" fillId="0" borderId="0" applyBorder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46" fillId="0" borderId="0"/>
    <xf numFmtId="0" fontId="28" fillId="0" borderId="0"/>
    <xf numFmtId="0" fontId="60" fillId="30" borderId="0"/>
    <xf numFmtId="0" fontId="60" fillId="30" borderId="0"/>
    <xf numFmtId="0" fontId="60" fillId="30" borderId="0"/>
    <xf numFmtId="0" fontId="60" fillId="30" borderId="0"/>
    <xf numFmtId="0" fontId="60" fillId="30" borderId="0"/>
    <xf numFmtId="0" fontId="60" fillId="30" borderId="0"/>
    <xf numFmtId="0" fontId="60" fillId="30" borderId="0"/>
    <xf numFmtId="0" fontId="60" fillId="30" borderId="0"/>
    <xf numFmtId="0" fontId="43" fillId="0" borderId="30" applyNumberFormat="0" applyFill="0" applyBorder="0" applyAlignment="0" applyProtection="0">
      <alignment vertical="center"/>
    </xf>
    <xf numFmtId="0" fontId="66" fillId="0" borderId="54" applyFill="0" applyBorder="0" applyProtection="0">
      <alignment horizontal="left"/>
    </xf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0" fontId="31" fillId="0" borderId="0" applyNumberFormat="0" applyFill="0" applyBorder="0" applyAlignment="0" applyProtection="0"/>
    <xf numFmtId="0" fontId="67" fillId="0" borderId="0">
      <alignment wrapText="1"/>
    </xf>
    <xf numFmtId="0" fontId="41" fillId="0" borderId="0"/>
    <xf numFmtId="0" fontId="43" fillId="0" borderId="0" applyProtection="0">
      <alignment horizontal="center" textRotation="90"/>
    </xf>
    <xf numFmtId="0" fontId="43" fillId="0" borderId="0">
      <alignment horizontal="center" vertical="top" textRotation="90"/>
    </xf>
    <xf numFmtId="0" fontId="43" fillId="0" borderId="0" applyProtection="0">
      <alignment horizontal="center" vertical="center" textRotation="90"/>
    </xf>
    <xf numFmtId="216" fontId="65" fillId="0" borderId="0" applyFill="0" applyBorder="0" applyProtection="0">
      <alignment vertical="center"/>
    </xf>
    <xf numFmtId="217" fontId="66" fillId="0" borderId="0" applyFill="0" applyBorder="0" applyProtection="0">
      <alignment vertical="center"/>
    </xf>
    <xf numFmtId="218" fontId="66" fillId="0" borderId="0" applyFill="0" applyBorder="0" applyProtection="0">
      <alignment vertical="center"/>
    </xf>
    <xf numFmtId="219" fontId="66" fillId="0" borderId="0" applyFill="0" applyBorder="0" applyProtection="0">
      <alignment vertical="center"/>
    </xf>
    <xf numFmtId="0" fontId="7" fillId="0" borderId="0" applyFill="0" applyBorder="0" applyProtection="0">
      <alignment horizontal="center" vertical="center"/>
    </xf>
    <xf numFmtId="0" fontId="31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vertical="center"/>
    </xf>
    <xf numFmtId="0" fontId="49" fillId="0" borderId="0" applyFill="0" applyBorder="0" applyProtection="0">
      <alignment vertical="center"/>
    </xf>
    <xf numFmtId="0" fontId="68" fillId="0" borderId="0" applyFill="0" applyBorder="0" applyProtection="0">
      <alignment vertical="center"/>
    </xf>
    <xf numFmtId="0" fontId="69" fillId="0" borderId="0" applyFill="0" applyBorder="0" applyProtection="0"/>
    <xf numFmtId="0" fontId="70" fillId="0" borderId="0" applyFill="0" applyBorder="0" applyProtection="0">
      <alignment horizontal="left"/>
    </xf>
    <xf numFmtId="0" fontId="31" fillId="0" borderId="0" applyNumberFormat="0" applyFill="0" applyBorder="0" applyAlignment="0" applyProtection="0">
      <alignment horizontal="left"/>
    </xf>
    <xf numFmtId="0" fontId="4" fillId="0" borderId="0"/>
    <xf numFmtId="0" fontId="4" fillId="0" borderId="0"/>
    <xf numFmtId="0" fontId="4" fillId="0" borderId="0"/>
    <xf numFmtId="0" fontId="31" fillId="0" borderId="0" applyProtection="0">
      <alignment horizontal="center"/>
    </xf>
    <xf numFmtId="0" fontId="27" fillId="0" borderId="0"/>
    <xf numFmtId="0" fontId="27" fillId="0" borderId="0"/>
    <xf numFmtId="0" fontId="4" fillId="0" borderId="0">
      <alignment vertical="center"/>
    </xf>
    <xf numFmtId="0" fontId="27" fillId="0" borderId="0"/>
    <xf numFmtId="0" fontId="4" fillId="0" borderId="0"/>
    <xf numFmtId="0" fontId="4" fillId="0" borderId="0"/>
    <xf numFmtId="0" fontId="4" fillId="0" borderId="0"/>
    <xf numFmtId="0" fontId="8" fillId="0" borderId="0"/>
    <xf numFmtId="0" fontId="4" fillId="0" borderId="56" applyNumberFormat="0" applyBorder="0"/>
    <xf numFmtId="38" fontId="2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>
      <alignment vertical="center"/>
    </xf>
    <xf numFmtId="3" fontId="71" fillId="0" borderId="14" applyBorder="0">
      <alignment vertical="center"/>
    </xf>
    <xf numFmtId="3" fontId="71" fillId="0" borderId="14">
      <alignment vertical="center"/>
    </xf>
    <xf numFmtId="3" fontId="71" fillId="0" borderId="57">
      <alignment vertical="center"/>
    </xf>
    <xf numFmtId="3" fontId="71" fillId="0" borderId="58">
      <alignment vertical="center"/>
    </xf>
    <xf numFmtId="0" fontId="43" fillId="0" borderId="25"/>
    <xf numFmtId="206" fontId="1" fillId="0" borderId="0">
      <alignment vertical="center"/>
    </xf>
  </cellStyleXfs>
  <cellXfs count="121">
    <xf numFmtId="0" fontId="0" fillId="0" borderId="0" xfId="0">
      <alignment vertical="center"/>
    </xf>
    <xf numFmtId="0" fontId="41" fillId="0" borderId="0" xfId="163" applyFont="1"/>
    <xf numFmtId="192" fontId="41" fillId="0" borderId="0" xfId="163" applyNumberFormat="1" applyFont="1"/>
    <xf numFmtId="0" fontId="41" fillId="0" borderId="0" xfId="163" applyFont="1" applyAlignment="1">
      <alignment horizontal="center"/>
    </xf>
    <xf numFmtId="38" fontId="41" fillId="0" borderId="0" xfId="126" applyFont="1"/>
    <xf numFmtId="0" fontId="41" fillId="0" borderId="46" xfId="163" applyFont="1" applyBorder="1"/>
    <xf numFmtId="0" fontId="41" fillId="0" borderId="3" xfId="163" applyFont="1" applyBorder="1"/>
    <xf numFmtId="0" fontId="43" fillId="0" borderId="47" xfId="163" applyFont="1" applyBorder="1" applyAlignment="1">
      <alignment horizontal="right"/>
    </xf>
    <xf numFmtId="38" fontId="41" fillId="0" borderId="47" xfId="126" applyFont="1" applyBorder="1" applyAlignment="1"/>
    <xf numFmtId="0" fontId="41" fillId="0" borderId="48" xfId="163" applyFont="1" applyBorder="1"/>
    <xf numFmtId="0" fontId="41" fillId="0" borderId="49" xfId="163" applyFont="1" applyBorder="1" applyAlignment="1">
      <alignment horizontal="distributed" vertical="center" justifyLastLine="1"/>
    </xf>
    <xf numFmtId="0" fontId="41" fillId="0" borderId="50" xfId="163" applyFont="1" applyBorder="1" applyAlignment="1">
      <alignment horizontal="distributed" vertical="center" justifyLastLine="1"/>
    </xf>
    <xf numFmtId="0" fontId="41" fillId="0" borderId="6" xfId="163" applyFont="1" applyBorder="1" applyAlignment="1">
      <alignment horizontal="distributed" vertical="center" justifyLastLine="1"/>
    </xf>
    <xf numFmtId="38" fontId="41" fillId="0" borderId="6" xfId="126" applyFont="1" applyBorder="1" applyAlignment="1">
      <alignment horizontal="distributed" vertical="center" justifyLastLine="1"/>
    </xf>
    <xf numFmtId="0" fontId="41" fillId="0" borderId="51" xfId="163" applyFont="1" applyBorder="1"/>
    <xf numFmtId="0" fontId="8" fillId="0" borderId="29" xfId="163" applyFont="1" applyBorder="1" applyAlignment="1">
      <alignment horizontal="distributed"/>
    </xf>
    <xf numFmtId="0" fontId="8" fillId="0" borderId="38" xfId="163" applyFont="1" applyBorder="1" applyAlignment="1">
      <alignment horizontal="distributed"/>
    </xf>
    <xf numFmtId="0" fontId="8" fillId="0" borderId="30" xfId="163" applyFont="1" applyBorder="1" applyAlignment="1">
      <alignment horizontal="distributed"/>
    </xf>
    <xf numFmtId="0" fontId="8" fillId="0" borderId="30" xfId="163" applyFont="1" applyBorder="1" applyAlignment="1">
      <alignment horizontal="center"/>
    </xf>
    <xf numFmtId="38" fontId="8" fillId="0" borderId="30" xfId="126" applyFont="1" applyBorder="1"/>
    <xf numFmtId="193" fontId="8" fillId="0" borderId="30" xfId="126" applyNumberFormat="1" applyFont="1" applyBorder="1"/>
    <xf numFmtId="0" fontId="43" fillId="0" borderId="35" xfId="163" applyFont="1" applyBorder="1" applyAlignment="1">
      <alignment horizontal="center"/>
    </xf>
    <xf numFmtId="0" fontId="43" fillId="0" borderId="35" xfId="163" applyFont="1" applyBorder="1"/>
    <xf numFmtId="0" fontId="41" fillId="0" borderId="39" xfId="163" applyFont="1" applyBorder="1"/>
    <xf numFmtId="0" fontId="8" fillId="0" borderId="31" xfId="163" applyFont="1" applyBorder="1" applyAlignment="1">
      <alignment horizontal="distributed"/>
    </xf>
    <xf numFmtId="0" fontId="8" fillId="0" borderId="36" xfId="163" applyFont="1" applyBorder="1" applyAlignment="1">
      <alignment horizontal="distributed"/>
    </xf>
    <xf numFmtId="0" fontId="8" fillId="0" borderId="32" xfId="163" applyFont="1" applyBorder="1" applyAlignment="1">
      <alignment horizontal="distributed"/>
    </xf>
    <xf numFmtId="0" fontId="8" fillId="0" borderId="32" xfId="163" applyFont="1" applyBorder="1" applyAlignment="1">
      <alignment horizontal="center"/>
    </xf>
    <xf numFmtId="38" fontId="8" fillId="0" borderId="32" xfId="126" applyFont="1" applyBorder="1"/>
    <xf numFmtId="194" fontId="8" fillId="0" borderId="32" xfId="126" applyNumberFormat="1" applyFont="1" applyBorder="1"/>
    <xf numFmtId="38" fontId="43" fillId="0" borderId="0" xfId="163" applyNumberFormat="1" applyFont="1" applyBorder="1" applyAlignment="1">
      <alignment horizontal="center"/>
    </xf>
    <xf numFmtId="38" fontId="43" fillId="0" borderId="0" xfId="163" applyNumberFormat="1" applyFont="1" applyBorder="1" applyAlignment="1">
      <alignment horizontal="left"/>
    </xf>
    <xf numFmtId="10" fontId="43" fillId="0" borderId="0" xfId="110" applyNumberFormat="1" applyFont="1" applyBorder="1" applyAlignment="1">
      <alignment horizontal="left"/>
    </xf>
    <xf numFmtId="0" fontId="41" fillId="0" borderId="40" xfId="163" applyFont="1" applyBorder="1"/>
    <xf numFmtId="0" fontId="8" fillId="0" borderId="33" xfId="163" applyFont="1" applyBorder="1" applyAlignment="1">
      <alignment horizontal="left"/>
    </xf>
    <xf numFmtId="0" fontId="8" fillId="0" borderId="28" xfId="163" applyFont="1" applyBorder="1" applyAlignment="1">
      <alignment horizontal="distributed"/>
    </xf>
    <xf numFmtId="0" fontId="8" fillId="0" borderId="14" xfId="163" applyFont="1" applyBorder="1" applyAlignment="1">
      <alignment horizontal="distributed"/>
    </xf>
    <xf numFmtId="0" fontId="8" fillId="0" borderId="14" xfId="163" applyFont="1" applyBorder="1" applyAlignment="1">
      <alignment horizontal="center"/>
    </xf>
    <xf numFmtId="38" fontId="8" fillId="0" borderId="14" xfId="126" applyFont="1" applyBorder="1"/>
    <xf numFmtId="10" fontId="43" fillId="0" borderId="27" xfId="110" applyNumberFormat="1" applyFont="1" applyBorder="1" applyAlignment="1">
      <alignment horizontal="left"/>
    </xf>
    <xf numFmtId="0" fontId="41" fillId="0" borderId="42" xfId="163" applyFont="1" applyBorder="1"/>
    <xf numFmtId="195" fontId="8" fillId="0" borderId="32" xfId="126" applyNumberFormat="1" applyFont="1" applyBorder="1"/>
    <xf numFmtId="0" fontId="8" fillId="0" borderId="31" xfId="163" applyFont="1" applyBorder="1" applyAlignment="1">
      <alignment horizontal="left"/>
    </xf>
    <xf numFmtId="0" fontId="8" fillId="0" borderId="36" xfId="163" applyFont="1" applyBorder="1" applyAlignment="1">
      <alignment horizontal="left"/>
    </xf>
    <xf numFmtId="38" fontId="43" fillId="0" borderId="37" xfId="126" applyFont="1" applyBorder="1"/>
    <xf numFmtId="38" fontId="43" fillId="0" borderId="35" xfId="126" applyFont="1" applyBorder="1"/>
    <xf numFmtId="196" fontId="8" fillId="0" borderId="32" xfId="126" applyNumberFormat="1" applyFont="1" applyBorder="1"/>
    <xf numFmtId="0" fontId="8" fillId="0" borderId="33" xfId="163" applyFont="1" applyBorder="1" applyAlignment="1">
      <alignment horizontal="distributed"/>
    </xf>
    <xf numFmtId="0" fontId="8" fillId="0" borderId="14" xfId="163" applyFont="1" applyBorder="1" applyAlignment="1">
      <alignment horizontal="left"/>
    </xf>
    <xf numFmtId="192" fontId="8" fillId="0" borderId="14" xfId="126" applyNumberFormat="1" applyFont="1" applyBorder="1"/>
    <xf numFmtId="197" fontId="43" fillId="0" borderId="24" xfId="126" applyNumberFormat="1" applyFont="1" applyBorder="1" applyAlignment="1">
      <alignment horizontal="center"/>
    </xf>
    <xf numFmtId="40" fontId="43" fillId="0" borderId="27" xfId="126" applyNumberFormat="1" applyFont="1" applyBorder="1" applyAlignment="1">
      <alignment horizontal="center"/>
    </xf>
    <xf numFmtId="198" fontId="43" fillId="0" borderId="27" xfId="163" applyNumberFormat="1" applyFont="1" applyBorder="1" applyAlignment="1">
      <alignment horizontal="center"/>
    </xf>
    <xf numFmtId="192" fontId="8" fillId="0" borderId="32" xfId="126" applyNumberFormat="1" applyFont="1" applyBorder="1"/>
    <xf numFmtId="0" fontId="8" fillId="0" borderId="41" xfId="163" applyFont="1" applyBorder="1" applyAlignment="1">
      <alignment horizontal="left"/>
    </xf>
    <xf numFmtId="0" fontId="8" fillId="0" borderId="28" xfId="163" applyFont="1" applyBorder="1" applyAlignment="1">
      <alignment horizontal="left"/>
    </xf>
    <xf numFmtId="200" fontId="43" fillId="0" borderId="24" xfId="126" applyNumberFormat="1" applyFont="1" applyBorder="1" applyAlignment="1">
      <alignment horizontal="right"/>
    </xf>
    <xf numFmtId="38" fontId="43" fillId="0" borderId="27" xfId="126" applyFont="1" applyBorder="1" applyAlignment="1">
      <alignment horizontal="center"/>
    </xf>
    <xf numFmtId="0" fontId="43" fillId="0" borderId="27" xfId="163" applyFont="1" applyBorder="1"/>
    <xf numFmtId="38" fontId="43" fillId="0" borderId="0" xfId="126" applyFont="1" applyBorder="1" applyAlignment="1">
      <alignment horizontal="center"/>
    </xf>
    <xf numFmtId="0" fontId="43" fillId="0" borderId="0" xfId="163" applyFont="1" applyBorder="1"/>
    <xf numFmtId="200" fontId="43" fillId="0" borderId="34" xfId="126" applyNumberFormat="1" applyFont="1" applyBorder="1" applyAlignment="1">
      <alignment horizontal="center"/>
    </xf>
    <xf numFmtId="192" fontId="8" fillId="0" borderId="30" xfId="126" applyNumberFormat="1" applyFont="1" applyBorder="1"/>
    <xf numFmtId="200" fontId="43" fillId="0" borderId="27" xfId="126" applyNumberFormat="1" applyFont="1" applyBorder="1" applyAlignment="1">
      <alignment horizontal="center"/>
    </xf>
    <xf numFmtId="192" fontId="43" fillId="0" borderId="27" xfId="163" applyNumberFormat="1" applyFont="1" applyBorder="1" applyAlignment="1">
      <alignment horizontal="center"/>
    </xf>
    <xf numFmtId="0" fontId="27" fillId="0" borderId="30" xfId="163" applyFont="1" applyBorder="1" applyAlignment="1">
      <alignment horizontal="distributed"/>
    </xf>
    <xf numFmtId="0" fontId="27" fillId="0" borderId="33" xfId="163" applyFont="1" applyBorder="1" applyAlignment="1">
      <alignment horizontal="distributed"/>
    </xf>
    <xf numFmtId="201" fontId="43" fillId="0" borderId="24" xfId="126" applyNumberFormat="1" applyFont="1" applyBorder="1" applyAlignment="1">
      <alignment horizontal="right"/>
    </xf>
    <xf numFmtId="0" fontId="27" fillId="0" borderId="29" xfId="163" applyFont="1" applyBorder="1" applyAlignment="1">
      <alignment horizontal="distributed"/>
    </xf>
    <xf numFmtId="0" fontId="27" fillId="0" borderId="38" xfId="163" applyFont="1" applyBorder="1" applyAlignment="1">
      <alignment horizontal="distributed"/>
    </xf>
    <xf numFmtId="204" fontId="43" fillId="0" borderId="27" xfId="163" applyNumberFormat="1" applyFont="1" applyBorder="1" applyAlignment="1">
      <alignment horizontal="center"/>
    </xf>
    <xf numFmtId="203" fontId="43" fillId="0" borderId="42" xfId="163" applyNumberFormat="1" applyFont="1" applyBorder="1"/>
    <xf numFmtId="38" fontId="43" fillId="0" borderId="35" xfId="163" applyNumberFormat="1" applyFont="1" applyBorder="1" applyAlignment="1">
      <alignment horizontal="left"/>
    </xf>
    <xf numFmtId="38" fontId="43" fillId="0" borderId="0" xfId="126" applyFont="1" applyBorder="1"/>
    <xf numFmtId="0" fontId="27" fillId="0" borderId="14" xfId="163" applyFont="1" applyBorder="1" applyAlignment="1">
      <alignment horizontal="distributed"/>
    </xf>
    <xf numFmtId="38" fontId="43" fillId="0" borderId="24" xfId="126" quotePrefix="1" applyFont="1" applyBorder="1" applyAlignment="1">
      <alignment horizontal="right"/>
    </xf>
    <xf numFmtId="199" fontId="43" fillId="0" borderId="0" xfId="163" applyNumberFormat="1" applyFont="1" applyBorder="1" applyAlignment="1">
      <alignment horizontal="left"/>
    </xf>
    <xf numFmtId="0" fontId="8" fillId="0" borderId="52" xfId="163" applyFont="1" applyBorder="1" applyAlignment="1">
      <alignment horizontal="distributed"/>
    </xf>
    <xf numFmtId="0" fontId="8" fillId="0" borderId="43" xfId="163" applyFont="1" applyBorder="1" applyAlignment="1">
      <alignment horizontal="distributed"/>
    </xf>
    <xf numFmtId="0" fontId="8" fillId="0" borderId="53" xfId="163" applyFont="1" applyBorder="1" applyAlignment="1">
      <alignment horizontal="distributed"/>
    </xf>
    <xf numFmtId="0" fontId="8" fillId="0" borderId="53" xfId="163" applyFont="1" applyBorder="1" applyAlignment="1">
      <alignment horizontal="center"/>
    </xf>
    <xf numFmtId="38" fontId="8" fillId="0" borderId="53" xfId="126" applyFont="1" applyBorder="1"/>
    <xf numFmtId="200" fontId="43" fillId="0" borderId="44" xfId="126" applyNumberFormat="1" applyFont="1" applyBorder="1" applyAlignment="1">
      <alignment horizontal="right"/>
    </xf>
    <xf numFmtId="38" fontId="43" fillId="0" borderId="7" xfId="126" applyFont="1" applyBorder="1"/>
    <xf numFmtId="0" fontId="43" fillId="0" borderId="7" xfId="163" applyFont="1" applyBorder="1" applyAlignment="1">
      <alignment horizontal="left"/>
    </xf>
    <xf numFmtId="0" fontId="41" fillId="0" borderId="45" xfId="163" applyFont="1" applyBorder="1"/>
    <xf numFmtId="205" fontId="43" fillId="0" borderId="27" xfId="126" quotePrefix="1" applyNumberFormat="1" applyFont="1" applyBorder="1" applyAlignment="1">
      <alignment horizontal="left"/>
    </xf>
    <xf numFmtId="176" fontId="43" fillId="0" borderId="27" xfId="163" applyNumberFormat="1" applyFont="1" applyBorder="1" applyAlignment="1">
      <alignment horizontal="center"/>
    </xf>
    <xf numFmtId="192" fontId="8" fillId="0" borderId="53" xfId="126" applyNumberFormat="1" applyFont="1" applyBorder="1"/>
    <xf numFmtId="0" fontId="44" fillId="0" borderId="47" xfId="163" applyFont="1" applyBorder="1" applyAlignment="1"/>
    <xf numFmtId="202" fontId="43" fillId="0" borderId="42" xfId="163" applyNumberFormat="1" applyFont="1" applyFill="1" applyBorder="1" applyAlignment="1">
      <alignment horizontal="center"/>
    </xf>
    <xf numFmtId="0" fontId="4" fillId="0" borderId="0" xfId="0" applyFont="1" applyAlignment="1">
      <alignment horizontal="center" vertical="center"/>
    </xf>
    <xf numFmtId="202" fontId="43" fillId="0" borderId="27" xfId="126" applyNumberFormat="1" applyFont="1" applyBorder="1" applyAlignment="1"/>
    <xf numFmtId="0" fontId="64" fillId="0" borderId="0" xfId="0" applyFont="1">
      <alignment vertical="center"/>
    </xf>
    <xf numFmtId="38" fontId="43" fillId="0" borderId="24" xfId="126" applyFont="1" applyBorder="1"/>
    <xf numFmtId="38" fontId="43" fillId="0" borderId="34" xfId="126" applyFont="1" applyBorder="1"/>
    <xf numFmtId="38" fontId="44" fillId="0" borderId="34" xfId="126" applyFont="1" applyBorder="1" applyAlignment="1">
      <alignment horizontal="left"/>
    </xf>
    <xf numFmtId="38" fontId="44" fillId="0" borderId="0" xfId="163" applyNumberFormat="1" applyFont="1" applyBorder="1" applyAlignment="1">
      <alignment horizontal="center"/>
    </xf>
    <xf numFmtId="10" fontId="44" fillId="0" borderId="0" xfId="110" quotePrefix="1" applyNumberFormat="1" applyFont="1" applyBorder="1" applyAlignment="1">
      <alignment horizontal="left"/>
    </xf>
    <xf numFmtId="199" fontId="44" fillId="0" borderId="34" xfId="126" applyNumberFormat="1" applyFont="1" applyBorder="1" applyAlignment="1">
      <alignment horizontal="right"/>
    </xf>
    <xf numFmtId="38" fontId="44" fillId="0" borderId="0" xfId="126" applyFont="1" applyBorder="1" applyAlignment="1">
      <alignment horizontal="center"/>
    </xf>
    <xf numFmtId="38" fontId="44" fillId="0" borderId="0" xfId="126" applyFont="1" applyBorder="1" applyAlignment="1">
      <alignment horizontal="left"/>
    </xf>
    <xf numFmtId="38" fontId="44" fillId="0" borderId="34" xfId="126" applyFont="1" applyBorder="1" applyAlignment="1">
      <alignment horizontal="right"/>
    </xf>
    <xf numFmtId="0" fontId="44" fillId="0" borderId="0" xfId="163" applyFont="1" applyBorder="1" applyAlignment="1">
      <alignment horizontal="center"/>
    </xf>
    <xf numFmtId="0" fontId="44" fillId="0" borderId="0" xfId="163" applyFont="1" applyBorder="1" applyAlignment="1">
      <alignment horizontal="left"/>
    </xf>
    <xf numFmtId="0" fontId="64" fillId="0" borderId="0" xfId="0" applyFont="1" applyAlignment="1">
      <alignment horizontal="center" vertical="center"/>
    </xf>
    <xf numFmtId="0" fontId="44" fillId="0" borderId="40" xfId="163" quotePrefix="1" applyFont="1" applyBorder="1"/>
    <xf numFmtId="2" fontId="64" fillId="0" borderId="0" xfId="0" applyNumberFormat="1" applyFont="1" applyAlignment="1">
      <alignment horizontal="center" vertical="center"/>
    </xf>
    <xf numFmtId="177" fontId="64" fillId="0" borderId="0" xfId="0" applyNumberFormat="1" applyFont="1" applyAlignment="1">
      <alignment horizontal="center" vertical="center"/>
    </xf>
    <xf numFmtId="207" fontId="64" fillId="0" borderId="0" xfId="0" applyNumberFormat="1" applyFont="1" applyAlignment="1">
      <alignment horizontal="center" vertical="center"/>
    </xf>
    <xf numFmtId="0" fontId="44" fillId="0" borderId="40" xfId="163" applyFont="1" applyBorder="1" applyAlignment="1">
      <alignment horizontal="center"/>
    </xf>
    <xf numFmtId="38" fontId="43" fillId="0" borderId="34" xfId="126" applyFont="1" applyBorder="1" applyAlignment="1">
      <alignment horizontal="left"/>
    </xf>
    <xf numFmtId="38" fontId="44" fillId="0" borderId="0" xfId="126" applyFont="1" applyBorder="1" applyAlignment="1">
      <alignment horizontal="right"/>
    </xf>
    <xf numFmtId="195" fontId="8" fillId="31" borderId="14" xfId="126" applyNumberFormat="1" applyFont="1" applyFill="1" applyBorder="1"/>
    <xf numFmtId="195" fontId="8" fillId="31" borderId="32" xfId="126" applyNumberFormat="1" applyFont="1" applyFill="1" applyBorder="1"/>
    <xf numFmtId="192" fontId="8" fillId="31" borderId="32" xfId="126" applyNumberFormat="1" applyFont="1" applyFill="1" applyBorder="1"/>
    <xf numFmtId="192" fontId="8" fillId="31" borderId="14" xfId="126" applyNumberFormat="1" applyFont="1" applyFill="1" applyBorder="1"/>
    <xf numFmtId="192" fontId="8" fillId="32" borderId="14" xfId="126" applyNumberFormat="1" applyFont="1" applyFill="1" applyBorder="1"/>
    <xf numFmtId="0" fontId="42" fillId="0" borderId="47" xfId="163" applyFont="1" applyBorder="1" applyAlignment="1">
      <alignment horizontal="center" vertical="center" justifyLastLine="1"/>
    </xf>
    <xf numFmtId="38" fontId="41" fillId="0" borderId="55" xfId="126" applyFont="1" applyBorder="1" applyAlignment="1">
      <alignment horizontal="center" vertical="center"/>
    </xf>
    <xf numFmtId="38" fontId="41" fillId="0" borderId="5" xfId="126" applyFont="1" applyBorder="1" applyAlignment="1">
      <alignment horizontal="center" vertical="center"/>
    </xf>
  </cellXfs>
  <cellStyles count="242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7"/>
    <cellStyle name="ÊÝ [0.00]" xfId="8"/>
    <cellStyle name="0.000" xfId="9"/>
    <cellStyle name="121" xfId="10"/>
    <cellStyle name="20% - アクセント 1 2" xfId="11"/>
    <cellStyle name="20% - アクセント 2 2" xfId="12"/>
    <cellStyle name="20% - アクセント 3 2" xfId="13"/>
    <cellStyle name="20% - アクセント 4 2" xfId="14"/>
    <cellStyle name="20% - アクセント 5 2" xfId="15"/>
    <cellStyle name="20% - アクセント 6 2" xfId="16"/>
    <cellStyle name="40% - アクセント 1 2" xfId="17"/>
    <cellStyle name="40% - アクセント 2 2" xfId="18"/>
    <cellStyle name="40% - アクセント 3 2" xfId="19"/>
    <cellStyle name="40% - アクセント 4 2" xfId="20"/>
    <cellStyle name="40% - アクセント 5 2" xfId="21"/>
    <cellStyle name="40% - アクセント 6 2" xfId="22"/>
    <cellStyle name="60% - アクセント 1 2" xfId="23"/>
    <cellStyle name="60% - アクセント 2 2" xfId="24"/>
    <cellStyle name="60% - アクセント 3 2" xfId="25"/>
    <cellStyle name="60% - アクセント 4 2" xfId="26"/>
    <cellStyle name="60% - アクセント 5 2" xfId="27"/>
    <cellStyle name="60% - アクセント 6 2" xfId="28"/>
    <cellStyle name="A4縦" xfId="172"/>
    <cellStyle name="Arial 10" xfId="29"/>
    <cellStyle name="Arial 12" xfId="30"/>
    <cellStyle name="Arial 8" xfId="31"/>
    <cellStyle name="Calc Currency (0)" xfId="32"/>
    <cellStyle name="Calc Currency (0) 2" xfId="33"/>
    <cellStyle name="Calc Currency (0)_140424_羽津ポンプ場設計書（鋼製加工品のみとする）" xfId="34"/>
    <cellStyle name="Calc Currency (2)" xfId="35"/>
    <cellStyle name="Calc Percent (0)" xfId="36"/>
    <cellStyle name="Calc Percent (1)" xfId="37"/>
    <cellStyle name="Calc Percent (2)" xfId="38"/>
    <cellStyle name="Calc Units (0)" xfId="39"/>
    <cellStyle name="Calc Units (1)" xfId="40"/>
    <cellStyle name="Calc Units (2)" xfId="41"/>
    <cellStyle name="Comma [0]_#6 Temps &amp; Contractors" xfId="42"/>
    <cellStyle name="Comma [00]" xfId="43"/>
    <cellStyle name="Comma_#6 Temps &amp; Contractors" xfId="44"/>
    <cellStyle name="COMP定番表書式" xfId="45"/>
    <cellStyle name="Currency [0]_#6 Temps &amp; Contractors" xfId="46"/>
    <cellStyle name="Currency [00]" xfId="47"/>
    <cellStyle name="Currency_#6 Temps &amp; Contractors" xfId="48"/>
    <cellStyle name="dak" xfId="49"/>
    <cellStyle name="Date Short" xfId="50"/>
    <cellStyle name="Enter Currency (0)" xfId="51"/>
    <cellStyle name="Enter Currency (2)" xfId="52"/>
    <cellStyle name="Enter Units (0)" xfId="53"/>
    <cellStyle name="Enter Units (1)" xfId="54"/>
    <cellStyle name="Enter Units (2)" xfId="55"/>
    <cellStyle name="entry" xfId="56"/>
    <cellStyle name="Followed Hyperlink" xfId="57"/>
    <cellStyle name="Grey" xfId="58"/>
    <cellStyle name="Header1" xfId="59"/>
    <cellStyle name="Header2" xfId="60"/>
    <cellStyle name="Hyperlink" xfId="61"/>
    <cellStyle name="Input [yellow]" xfId="62"/>
    <cellStyle name="Link Currency (0)" xfId="63"/>
    <cellStyle name="Link Currency (2)" xfId="64"/>
    <cellStyle name="Link Units (0)" xfId="65"/>
    <cellStyle name="Link Units (1)" xfId="66"/>
    <cellStyle name="Link Units (2)" xfId="67"/>
    <cellStyle name="ＭＳゴシック　10" xfId="68"/>
    <cellStyle name="ＭＳゴシック 12" xfId="69"/>
    <cellStyle name="new" xfId="70"/>
    <cellStyle name="NIC-0" xfId="173"/>
    <cellStyle name="Normal - Style1" xfId="71"/>
    <cellStyle name="Normal_# 41-Market &amp;Trends" xfId="72"/>
    <cellStyle name="ParaBirimi [0]_RESULTS" xfId="73"/>
    <cellStyle name="ParaBirimi_RESULTS" xfId="74"/>
    <cellStyle name="Percent [0]" xfId="75"/>
    <cellStyle name="Percent [00]" xfId="76"/>
    <cellStyle name="Percent [2]" xfId="77"/>
    <cellStyle name="Percent_#6 Temps &amp; Contractors" xfId="78"/>
    <cellStyle name="PrePop Currency (0)" xfId="79"/>
    <cellStyle name="PrePop Currency (2)" xfId="80"/>
    <cellStyle name="PrePop Units (0)" xfId="81"/>
    <cellStyle name="PrePop Units (1)" xfId="82"/>
    <cellStyle name="PrePop Units (2)" xfId="83"/>
    <cellStyle name="price" xfId="84"/>
    <cellStyle name="PSChar" xfId="85"/>
    <cellStyle name="PSHeading" xfId="86"/>
    <cellStyle name="revised" xfId="87"/>
    <cellStyle name="sc5" xfId="88"/>
    <cellStyle name="sc7" xfId="89"/>
    <cellStyle name="section" xfId="90"/>
    <cellStyle name="Standard_COST INPUT SHEET" xfId="91"/>
    <cellStyle name="STYL0" xfId="174"/>
    <cellStyle name="STYL0 - ｽﾀｲﾙ1" xfId="175"/>
    <cellStyle name="STYL1" xfId="176"/>
    <cellStyle name="STYL1 - ｽﾀｲﾙ2" xfId="177"/>
    <cellStyle name="STYL2" xfId="178"/>
    <cellStyle name="STYL2 - ｽﾀｲﾙ3" xfId="179"/>
    <cellStyle name="STYL3" xfId="180"/>
    <cellStyle name="STYL3 - ｽﾀｲﾙ4" xfId="181"/>
    <cellStyle name="STYL4" xfId="182"/>
    <cellStyle name="STYL4 - ｽﾀｲﾙ5" xfId="183"/>
    <cellStyle name="STYL5" xfId="184"/>
    <cellStyle name="STYL5 - ｽﾀｲﾙ6" xfId="185"/>
    <cellStyle name="STYL6" xfId="186"/>
    <cellStyle name="STYL6 - ｽﾀｲﾙ7" xfId="187"/>
    <cellStyle name="STYL7" xfId="188"/>
    <cellStyle name="STYL7 - ｽﾀｲﾙ8" xfId="189"/>
    <cellStyle name="StyleName1" xfId="190"/>
    <cellStyle name="StyleName2" xfId="191"/>
    <cellStyle name="StyleName3" xfId="192"/>
    <cellStyle name="StyleName4" xfId="193"/>
    <cellStyle name="StyleName5" xfId="194"/>
    <cellStyle name="StyleName6" xfId="195"/>
    <cellStyle name="StyleName7" xfId="196"/>
    <cellStyle name="StyleName8" xfId="197"/>
    <cellStyle name="subhead" xfId="92"/>
    <cellStyle name="Text Indent A" xfId="93"/>
    <cellStyle name="Text Indent B" xfId="94"/>
    <cellStyle name="Text Indent C" xfId="95"/>
    <cellStyle name="title" xfId="96"/>
    <cellStyle name="TSUIKA" xfId="198"/>
    <cellStyle name="Virg・ [0]_RESULTS" xfId="97"/>
    <cellStyle name="Virg・_RESULTS" xfId="98"/>
    <cellStyle name="アクセント 1 2" xfId="99"/>
    <cellStyle name="アクセント 2 2" xfId="100"/>
    <cellStyle name="アクセント 3 2" xfId="101"/>
    <cellStyle name="アクセント 4 2" xfId="102"/>
    <cellStyle name="アクセント 5 2" xfId="103"/>
    <cellStyle name="アクセント 6 2" xfId="104"/>
    <cellStyle name="タイトル 2" xfId="105"/>
    <cellStyle name="チェック セル 2" xfId="106"/>
    <cellStyle name="どちらでもない 2" xfId="107"/>
    <cellStyle name="ﾄ褊褂燾・[0]_PERSONAL" xfId="108"/>
    <cellStyle name="ﾄ褊褂燾饑PERSONAL" xfId="109"/>
    <cellStyle name="パーセント 2" xfId="110"/>
    <cellStyle name="ﾌｫﾝﾄ変更" xfId="111"/>
    <cellStyle name="ﾎ磊隆_PERSONAL" xfId="112"/>
    <cellStyle name="メモ 2" xfId="113"/>
    <cellStyle name="ﾔ竟瑙糺・[0]_PERSONAL" xfId="114"/>
    <cellStyle name="ﾔ竟瑙糺饑PERSONAL" xfId="115"/>
    <cellStyle name="リンク" xfId="116"/>
    <cellStyle name="リンク セル 2" xfId="117"/>
    <cellStyle name="悪い 2" xfId="118"/>
    <cellStyle name="位置" xfId="199"/>
    <cellStyle name="下段_0" xfId="119"/>
    <cellStyle name="会社名" xfId="120"/>
    <cellStyle name="強調" xfId="121"/>
    <cellStyle name="金額" xfId="122"/>
    <cellStyle name="計算 2" xfId="123"/>
    <cellStyle name="警告文 2" xfId="124"/>
    <cellStyle name="桁区切り [0.0]" xfId="125"/>
    <cellStyle name="桁区切り 2" xfId="126"/>
    <cellStyle name="桁区切り 2 2" xfId="127"/>
    <cellStyle name="桁区切り 2 2 2" xfId="200"/>
    <cellStyle name="桁区切り 3" xfId="128"/>
    <cellStyle name="桁区切り 3 2" xfId="201"/>
    <cellStyle name="桁区切り 4" xfId="202"/>
    <cellStyle name="桁区切り 5" xfId="234"/>
    <cellStyle name="桁区切り 6" xfId="235"/>
    <cellStyle name="桁区切り（０なし）" xfId="129"/>
    <cellStyle name="桁区切り0" xfId="130"/>
    <cellStyle name="桁区切り1" xfId="131"/>
    <cellStyle name="桁区切り2" xfId="132"/>
    <cellStyle name="見出し 1 2" xfId="133"/>
    <cellStyle name="見出し 2 2" xfId="134"/>
    <cellStyle name="見出し 3 2" xfId="135"/>
    <cellStyle name="見出し 4 2" xfId="136"/>
    <cellStyle name="見積桁区切り" xfId="137"/>
    <cellStyle name="見積-桁区切り" xfId="138"/>
    <cellStyle name="見積-通貨記号" xfId="139"/>
    <cellStyle name="工期算定表" xfId="140"/>
    <cellStyle name="工程表_書式" xfId="203"/>
    <cellStyle name="細明朝　9" xfId="204"/>
    <cellStyle name="細明朝12" xfId="205"/>
    <cellStyle name="集計 2" xfId="141"/>
    <cellStyle name="縦下" xfId="206"/>
    <cellStyle name="縦上" xfId="207"/>
    <cellStyle name="縦中央" xfId="208"/>
    <cellStyle name="出力 2" xfId="142"/>
    <cellStyle name="小数点０位 [0]" xfId="209"/>
    <cellStyle name="小数点１位 [0.0]" xfId="210"/>
    <cellStyle name="小数点２位 [0.00]" xfId="211"/>
    <cellStyle name="小数点３位 [0.000]" xfId="212"/>
    <cellStyle name="小表題" xfId="213"/>
    <cellStyle name="上の原" xfId="143"/>
    <cellStyle name="上段_0" xfId="144"/>
    <cellStyle name="数量" xfId="145"/>
    <cellStyle name="数量計算" xfId="146"/>
    <cellStyle name="積算" xfId="147"/>
    <cellStyle name="設計用紙乙" xfId="236"/>
    <cellStyle name="設計用紙乙1" xfId="237"/>
    <cellStyle name="設計用紙乙2" xfId="238"/>
    <cellStyle name="設計用紙乙3" xfId="239"/>
    <cellStyle name="説明文 2" xfId="148"/>
    <cellStyle name="線細い" xfId="240"/>
    <cellStyle name="損料_書式" xfId="214"/>
    <cellStyle name="代価表_書式" xfId="215"/>
    <cellStyle name="大表題(12)" xfId="216"/>
    <cellStyle name="大表題(14)" xfId="217"/>
    <cellStyle name="大表題(16)" xfId="218"/>
    <cellStyle name="大表題(20)" xfId="219"/>
    <cellStyle name="帳票" xfId="149"/>
    <cellStyle name="通浦 [0.00]_laroux" xfId="150"/>
    <cellStyle name="通浦_laroux" xfId="151"/>
    <cellStyle name="通貨 2" xfId="152"/>
    <cellStyle name="日進量_書式" xfId="220"/>
    <cellStyle name="入力 2" xfId="153"/>
    <cellStyle name="年号" xfId="154"/>
    <cellStyle name="破線" xfId="155"/>
    <cellStyle name="非表示" xfId="156"/>
    <cellStyle name="標準" xfId="0" builtinId="0"/>
    <cellStyle name="標準 10" xfId="221"/>
    <cellStyle name="標準 11" xfId="222"/>
    <cellStyle name="標準 12" xfId="223"/>
    <cellStyle name="標準 2" xfId="157"/>
    <cellStyle name="標準 2 2" xfId="158"/>
    <cellStyle name="標準 2 2 2" xfId="224"/>
    <cellStyle name="標準 2 3" xfId="159"/>
    <cellStyle name="標準 2_西笹川中武道場機械内訳書" xfId="160"/>
    <cellStyle name="標準 3" xfId="161"/>
    <cellStyle name="標準 4" xfId="162"/>
    <cellStyle name="標準 4 2" xfId="225"/>
    <cellStyle name="標準 4 3" xfId="241"/>
    <cellStyle name="標準 5" xfId="226"/>
    <cellStyle name="標準 5 2" xfId="227"/>
    <cellStyle name="標準 6" xfId="228"/>
    <cellStyle name="標準 7" xfId="229"/>
    <cellStyle name="標準 8" xfId="230"/>
    <cellStyle name="標準 9" xfId="231"/>
    <cellStyle name="標準、罫線" xfId="232"/>
    <cellStyle name="標準_総括" xfId="163"/>
    <cellStyle name="標準２" xfId="164"/>
    <cellStyle name="標準A" xfId="165"/>
    <cellStyle name="標準Ａ" xfId="166"/>
    <cellStyle name="標準戻し" xfId="167"/>
    <cellStyle name="表１" xfId="233"/>
    <cellStyle name="表紙" xfId="168"/>
    <cellStyle name="別紙明細" xfId="169"/>
    <cellStyle name="未定義" xfId="170"/>
    <cellStyle name="良い 2" xfId="17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calcChain" Target="calcChain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tyles" Target="style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G&#20849;&#36890;/&#35373;&#35336;&#36039;&#26009;/EXCEL/&#20013;&#20027;/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335;&#37096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069;&#24029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/&#65320;&#65305;&#26360;&#39006;/&#31309;&#31639;/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</sheetNames>
    <sheetDataSet>
      <sheetData sheetId="0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66"/>
  </sheetPr>
  <dimension ref="A1:O41"/>
  <sheetViews>
    <sheetView showGridLines="0" showZeros="0" tabSelected="1" view="pageBreakPreview" topLeftCell="A16" zoomScale="85" zoomScaleNormal="100" zoomScaleSheetLayoutView="85" workbookViewId="0">
      <selection activeCell="I31" sqref="I31"/>
    </sheetView>
  </sheetViews>
  <sheetFormatPr defaultRowHeight="13.5"/>
  <cols>
    <col min="1" max="1" width="16.5" style="93" customWidth="1"/>
    <col min="2" max="3" width="20.75" style="93" customWidth="1"/>
    <col min="4" max="4" width="26" style="93" customWidth="1"/>
    <col min="5" max="5" width="6.375" style="93" customWidth="1"/>
    <col min="6" max="6" width="9.5" style="93" customWidth="1"/>
    <col min="7" max="7" width="11" style="93" customWidth="1"/>
    <col min="8" max="8" width="15.75" style="93" customWidth="1"/>
    <col min="9" max="9" width="27.75" style="93" customWidth="1"/>
    <col min="10" max="10" width="13.625" style="93" customWidth="1"/>
    <col min="11" max="11" width="16.375" style="93" customWidth="1"/>
    <col min="12" max="12" width="11.5" style="93" customWidth="1"/>
    <col min="13" max="16384" width="9" style="93"/>
  </cols>
  <sheetData>
    <row r="1" spans="1:12" ht="14.25">
      <c r="A1" s="1" t="s">
        <v>0</v>
      </c>
      <c r="B1" s="1" t="s">
        <v>24</v>
      </c>
      <c r="C1" s="1"/>
      <c r="D1" s="2"/>
      <c r="E1" s="3"/>
      <c r="F1" s="3"/>
      <c r="G1" s="4"/>
      <c r="H1" s="4"/>
      <c r="I1" s="4"/>
      <c r="J1" s="4"/>
      <c r="K1" s="1"/>
      <c r="L1" s="1"/>
    </row>
    <row r="2" spans="1:12" ht="15" thickBot="1">
      <c r="A2" s="1" t="s">
        <v>1</v>
      </c>
      <c r="B2" s="1" t="s">
        <v>25</v>
      </c>
      <c r="C2" s="1"/>
      <c r="D2" s="1"/>
      <c r="E2" s="3"/>
      <c r="F2" s="3"/>
      <c r="G2" s="4"/>
      <c r="H2" s="4"/>
      <c r="I2" s="4"/>
      <c r="J2" s="4"/>
      <c r="K2" s="1"/>
      <c r="L2" s="1"/>
    </row>
    <row r="3" spans="1:12" ht="21">
      <c r="A3" s="5"/>
      <c r="B3" s="6"/>
      <c r="C3" s="6"/>
      <c r="D3" s="118" t="s">
        <v>2</v>
      </c>
      <c r="E3" s="118"/>
      <c r="F3" s="118"/>
      <c r="G3" s="7"/>
      <c r="H3" s="89" t="s">
        <v>12</v>
      </c>
      <c r="I3" s="8"/>
      <c r="J3" s="8"/>
      <c r="K3" s="8"/>
      <c r="L3" s="9"/>
    </row>
    <row r="4" spans="1:12" ht="14.25">
      <c r="A4" s="10" t="s">
        <v>3</v>
      </c>
      <c r="B4" s="11" t="s">
        <v>4</v>
      </c>
      <c r="C4" s="12" t="s">
        <v>5</v>
      </c>
      <c r="D4" s="12" t="s">
        <v>6</v>
      </c>
      <c r="E4" s="12" t="s">
        <v>7</v>
      </c>
      <c r="F4" s="12" t="s">
        <v>8</v>
      </c>
      <c r="G4" s="13" t="s">
        <v>9</v>
      </c>
      <c r="H4" s="13" t="s">
        <v>10</v>
      </c>
      <c r="I4" s="119" t="s">
        <v>11</v>
      </c>
      <c r="J4" s="120"/>
      <c r="K4" s="120"/>
      <c r="L4" s="14"/>
    </row>
    <row r="5" spans="1:12" ht="14.25">
      <c r="A5" s="15"/>
      <c r="B5" s="16"/>
      <c r="C5" s="16"/>
      <c r="D5" s="17"/>
      <c r="E5" s="18"/>
      <c r="F5" s="18"/>
      <c r="G5" s="19"/>
      <c r="H5" s="20"/>
      <c r="I5" s="21"/>
      <c r="J5" s="22"/>
      <c r="K5" s="22"/>
      <c r="L5" s="23"/>
    </row>
    <row r="6" spans="1:12" ht="14.25">
      <c r="A6" s="24"/>
      <c r="B6" s="25"/>
      <c r="C6" s="25"/>
      <c r="D6" s="26"/>
      <c r="E6" s="27"/>
      <c r="F6" s="27"/>
      <c r="G6" s="28"/>
      <c r="H6" s="29"/>
      <c r="I6" s="30"/>
      <c r="J6" s="31"/>
      <c r="K6" s="32"/>
      <c r="L6" s="33"/>
    </row>
    <row r="7" spans="1:12" ht="14.25">
      <c r="A7" s="34" t="s">
        <v>15</v>
      </c>
      <c r="B7" s="35"/>
      <c r="C7" s="35"/>
      <c r="D7" s="36"/>
      <c r="E7" s="37" t="s">
        <v>14</v>
      </c>
      <c r="F7" s="37">
        <v>1</v>
      </c>
      <c r="G7" s="38"/>
      <c r="H7" s="113"/>
      <c r="I7" s="94"/>
      <c r="J7" s="39"/>
      <c r="K7" s="39"/>
      <c r="L7" s="40"/>
    </row>
    <row r="8" spans="1:12" ht="14.25">
      <c r="A8" s="24"/>
      <c r="B8" s="25"/>
      <c r="C8" s="25"/>
      <c r="D8" s="26"/>
      <c r="E8" s="27"/>
      <c r="F8" s="27"/>
      <c r="G8" s="28"/>
      <c r="H8" s="41"/>
      <c r="I8" s="95"/>
      <c r="J8" s="32"/>
      <c r="K8" s="32"/>
      <c r="L8" s="23"/>
    </row>
    <row r="9" spans="1:12" ht="14.25">
      <c r="A9" s="24"/>
      <c r="B9" s="25"/>
      <c r="C9" s="25"/>
      <c r="D9" s="26"/>
      <c r="E9" s="27"/>
      <c r="F9" s="27"/>
      <c r="G9" s="28"/>
      <c r="H9" s="41"/>
      <c r="I9" s="95"/>
      <c r="J9" s="32"/>
      <c r="K9" s="32"/>
      <c r="L9" s="33"/>
    </row>
    <row r="10" spans="1:12" ht="14.25">
      <c r="A10" s="42" t="s">
        <v>13</v>
      </c>
      <c r="B10" s="43"/>
      <c r="C10" s="43"/>
      <c r="D10" s="26"/>
      <c r="E10" s="37" t="s">
        <v>14</v>
      </c>
      <c r="F10" s="37">
        <v>1</v>
      </c>
      <c r="G10" s="28"/>
      <c r="H10" s="114"/>
      <c r="I10" s="95"/>
      <c r="J10" s="32"/>
      <c r="K10" s="32"/>
      <c r="L10" s="40"/>
    </row>
    <row r="11" spans="1:12" ht="14.25">
      <c r="A11" s="15"/>
      <c r="B11" s="16"/>
      <c r="C11" s="16"/>
      <c r="D11" s="17"/>
      <c r="E11" s="18"/>
      <c r="F11" s="18"/>
      <c r="G11" s="19"/>
      <c r="H11" s="20"/>
      <c r="I11" s="44"/>
      <c r="J11" s="45"/>
      <c r="K11" s="22"/>
      <c r="L11" s="23"/>
    </row>
    <row r="12" spans="1:12" ht="14.25">
      <c r="A12" s="24"/>
      <c r="B12" s="25"/>
      <c r="C12" s="25"/>
      <c r="D12" s="26"/>
      <c r="E12" s="27"/>
      <c r="F12" s="27"/>
      <c r="G12" s="28"/>
      <c r="H12" s="46"/>
      <c r="I12" s="96"/>
      <c r="J12" s="97"/>
      <c r="K12" s="98"/>
      <c r="L12" s="33"/>
    </row>
    <row r="13" spans="1:12" ht="14.25">
      <c r="A13" s="47"/>
      <c r="B13" s="48" t="s">
        <v>16</v>
      </c>
      <c r="C13" s="35"/>
      <c r="D13" s="36"/>
      <c r="E13" s="37"/>
      <c r="F13" s="37"/>
      <c r="G13" s="38"/>
      <c r="H13" s="49"/>
      <c r="I13" s="50"/>
      <c r="J13" s="51"/>
      <c r="K13" s="52"/>
      <c r="L13" s="40"/>
    </row>
    <row r="14" spans="1:12" ht="14.25">
      <c r="A14" s="15"/>
      <c r="B14" s="16"/>
      <c r="C14" s="16"/>
      <c r="D14" s="17"/>
      <c r="E14" s="18"/>
      <c r="F14" s="18"/>
      <c r="G14" s="19"/>
      <c r="H14" s="19"/>
      <c r="I14" s="44"/>
      <c r="J14" s="45"/>
      <c r="K14" s="22"/>
      <c r="L14" s="23"/>
    </row>
    <row r="15" spans="1:12" ht="14.25">
      <c r="A15" s="24"/>
      <c r="B15" s="25"/>
      <c r="C15" s="25"/>
      <c r="D15" s="26"/>
      <c r="E15" s="27"/>
      <c r="F15" s="27"/>
      <c r="G15" s="28"/>
      <c r="H15" s="53"/>
      <c r="I15" s="99"/>
      <c r="J15" s="100"/>
      <c r="K15" s="101"/>
      <c r="L15" s="33"/>
    </row>
    <row r="16" spans="1:12" ht="14.25">
      <c r="A16" s="54"/>
      <c r="B16" s="48" t="s">
        <v>17</v>
      </c>
      <c r="C16" s="55"/>
      <c r="D16" s="36"/>
      <c r="E16" s="37"/>
      <c r="F16" s="37"/>
      <c r="G16" s="38"/>
      <c r="H16" s="49"/>
      <c r="I16" s="56"/>
      <c r="J16" s="57"/>
      <c r="K16" s="58"/>
      <c r="L16" s="40"/>
    </row>
    <row r="17" spans="1:15" ht="14.25">
      <c r="A17" s="42"/>
      <c r="B17" s="43"/>
      <c r="C17" s="43"/>
      <c r="D17" s="26"/>
      <c r="E17" s="27"/>
      <c r="F17" s="27"/>
      <c r="G17" s="28"/>
      <c r="H17" s="53"/>
      <c r="I17" s="95"/>
      <c r="J17" s="59"/>
      <c r="K17" s="60"/>
      <c r="L17" s="23"/>
    </row>
    <row r="18" spans="1:15" ht="14.25">
      <c r="A18" s="42"/>
      <c r="B18" s="43"/>
      <c r="C18" s="43"/>
      <c r="D18" s="26"/>
      <c r="E18" s="27"/>
      <c r="F18" s="27"/>
      <c r="G18" s="28"/>
      <c r="H18" s="53"/>
      <c r="I18" s="61"/>
      <c r="J18" s="59"/>
      <c r="K18" s="60"/>
      <c r="L18" s="33"/>
    </row>
    <row r="19" spans="1:15" ht="14.25">
      <c r="A19" s="42" t="s">
        <v>18</v>
      </c>
      <c r="B19" s="43"/>
      <c r="C19" s="43"/>
      <c r="D19" s="26"/>
      <c r="E19" s="37" t="s">
        <v>14</v>
      </c>
      <c r="F19" s="37">
        <v>1</v>
      </c>
      <c r="G19" s="28"/>
      <c r="H19" s="115"/>
      <c r="I19" s="61"/>
      <c r="J19" s="59"/>
      <c r="K19" s="60"/>
      <c r="L19" s="40"/>
    </row>
    <row r="20" spans="1:15" ht="14.25">
      <c r="A20" s="15"/>
      <c r="B20" s="16"/>
      <c r="C20" s="16"/>
      <c r="D20" s="17"/>
      <c r="E20" s="18"/>
      <c r="F20" s="18"/>
      <c r="G20" s="19"/>
      <c r="H20" s="62"/>
      <c r="I20" s="44"/>
      <c r="J20" s="45"/>
      <c r="K20" s="22"/>
      <c r="L20" s="23"/>
    </row>
    <row r="21" spans="1:15" ht="14.25">
      <c r="A21" s="24"/>
      <c r="B21" s="25"/>
      <c r="C21" s="25"/>
      <c r="D21" s="26"/>
      <c r="E21" s="27"/>
      <c r="F21" s="27"/>
      <c r="G21" s="28"/>
      <c r="H21" s="53"/>
      <c r="I21" s="96"/>
      <c r="J21" s="97"/>
      <c r="K21" s="98"/>
      <c r="L21" s="33"/>
    </row>
    <row r="22" spans="1:15" ht="14.25">
      <c r="A22" s="47"/>
      <c r="B22" s="48" t="s">
        <v>19</v>
      </c>
      <c r="C22" s="48"/>
      <c r="D22" s="36"/>
      <c r="E22" s="37"/>
      <c r="F22" s="37"/>
      <c r="G22" s="38"/>
      <c r="H22" s="49"/>
      <c r="I22" s="50"/>
      <c r="J22" s="51"/>
      <c r="K22" s="52"/>
      <c r="L22" s="40"/>
    </row>
    <row r="23" spans="1:15" ht="14.25">
      <c r="A23" s="15"/>
      <c r="B23" s="16"/>
      <c r="C23" s="16"/>
      <c r="D23" s="17"/>
      <c r="E23" s="18"/>
      <c r="F23" s="18"/>
      <c r="G23" s="19"/>
      <c r="H23" s="62"/>
      <c r="I23" s="44"/>
      <c r="J23" s="45"/>
      <c r="K23" s="22"/>
      <c r="L23" s="23"/>
    </row>
    <row r="24" spans="1:15" ht="14.25">
      <c r="A24" s="24"/>
      <c r="B24" s="25"/>
      <c r="C24" s="25"/>
      <c r="D24" s="26"/>
      <c r="E24" s="27"/>
      <c r="F24" s="27"/>
      <c r="G24" s="28"/>
      <c r="H24" s="53"/>
      <c r="I24" s="102"/>
      <c r="J24" s="100"/>
      <c r="K24" s="103"/>
      <c r="L24" s="33"/>
    </row>
    <row r="25" spans="1:15" ht="14.25">
      <c r="A25" s="34"/>
      <c r="B25" s="55" t="s">
        <v>20</v>
      </c>
      <c r="C25" s="35"/>
      <c r="D25" s="36"/>
      <c r="E25" s="37"/>
      <c r="F25" s="37"/>
      <c r="G25" s="38"/>
      <c r="H25" s="49"/>
      <c r="I25" s="56"/>
      <c r="J25" s="63"/>
      <c r="K25" s="64"/>
      <c r="L25" s="40"/>
    </row>
    <row r="26" spans="1:15" ht="14.25">
      <c r="A26" s="15"/>
      <c r="B26" s="16"/>
      <c r="C26" s="16"/>
      <c r="D26" s="65"/>
      <c r="E26" s="18"/>
      <c r="F26" s="18"/>
      <c r="G26" s="19"/>
      <c r="H26" s="62"/>
      <c r="I26" s="44"/>
      <c r="J26" s="45"/>
      <c r="K26" s="22"/>
      <c r="L26" s="23"/>
    </row>
    <row r="27" spans="1:15" ht="14.25">
      <c r="A27" s="24"/>
      <c r="B27" s="25"/>
      <c r="C27" s="25"/>
      <c r="D27" s="26"/>
      <c r="E27" s="27"/>
      <c r="F27" s="27"/>
      <c r="G27" s="28"/>
      <c r="H27" s="53"/>
      <c r="I27" s="102"/>
      <c r="J27" s="100"/>
      <c r="K27" s="104"/>
      <c r="L27" s="33"/>
    </row>
    <row r="28" spans="1:15" ht="14.25">
      <c r="A28" s="34" t="s">
        <v>21</v>
      </c>
      <c r="B28" s="55"/>
      <c r="C28" s="35"/>
      <c r="D28" s="36"/>
      <c r="E28" s="37" t="s">
        <v>14</v>
      </c>
      <c r="F28" s="37">
        <v>1</v>
      </c>
      <c r="G28" s="38"/>
      <c r="H28" s="116"/>
      <c r="I28" s="56"/>
      <c r="J28" s="57"/>
      <c r="K28" s="58"/>
      <c r="L28" s="40"/>
      <c r="N28" s="91"/>
      <c r="O28" s="91"/>
    </row>
    <row r="29" spans="1:15" ht="14.25">
      <c r="A29" s="15"/>
      <c r="B29" s="16"/>
      <c r="C29" s="16"/>
      <c r="D29" s="65"/>
      <c r="E29" s="18"/>
      <c r="F29" s="18"/>
      <c r="G29" s="19"/>
      <c r="H29" s="62"/>
      <c r="I29" s="44"/>
      <c r="J29" s="45"/>
      <c r="K29" s="22"/>
      <c r="L29" s="23"/>
      <c r="N29" s="105"/>
      <c r="O29" s="105"/>
    </row>
    <row r="30" spans="1:15">
      <c r="A30" s="24"/>
      <c r="B30" s="25"/>
      <c r="C30" s="25"/>
      <c r="D30" s="26"/>
      <c r="E30" s="27"/>
      <c r="F30" s="27"/>
      <c r="G30" s="28"/>
      <c r="H30" s="53"/>
      <c r="I30" s="96"/>
      <c r="J30" s="97"/>
      <c r="K30" s="98"/>
      <c r="L30" s="106"/>
      <c r="M30" s="105"/>
      <c r="N30" s="107"/>
      <c r="O30" s="108"/>
    </row>
    <row r="31" spans="1:15">
      <c r="A31" s="66"/>
      <c r="B31" s="48" t="s">
        <v>22</v>
      </c>
      <c r="C31" s="48"/>
      <c r="D31" s="36"/>
      <c r="E31" s="37"/>
      <c r="F31" s="37"/>
      <c r="G31" s="38"/>
      <c r="I31" s="67"/>
      <c r="J31" s="92"/>
      <c r="K31" s="87"/>
      <c r="L31" s="90"/>
      <c r="M31" s="105"/>
      <c r="N31" s="107"/>
      <c r="O31" s="109"/>
    </row>
    <row r="32" spans="1:15" ht="14.25">
      <c r="A32" s="68"/>
      <c r="B32" s="69"/>
      <c r="C32" s="69"/>
      <c r="D32" s="17"/>
      <c r="E32" s="18"/>
      <c r="F32" s="18"/>
      <c r="G32" s="19"/>
      <c r="H32" s="20"/>
      <c r="I32" s="95"/>
      <c r="J32" s="45"/>
      <c r="K32" s="22"/>
      <c r="L32" s="23"/>
    </row>
    <row r="33" spans="1:12">
      <c r="A33" s="24"/>
      <c r="B33" s="25"/>
      <c r="C33" s="25"/>
      <c r="D33" s="26"/>
      <c r="E33" s="27"/>
      <c r="F33" s="27"/>
      <c r="G33" s="28"/>
      <c r="H33" s="53"/>
      <c r="I33" s="102"/>
      <c r="J33" s="100"/>
      <c r="K33" s="103"/>
      <c r="L33" s="110"/>
    </row>
    <row r="34" spans="1:12">
      <c r="A34" s="47" t="s">
        <v>23</v>
      </c>
      <c r="B34" s="35"/>
      <c r="C34" s="35"/>
      <c r="D34" s="36"/>
      <c r="E34" s="37" t="s">
        <v>14</v>
      </c>
      <c r="F34" s="37">
        <v>1</v>
      </c>
      <c r="G34" s="38"/>
      <c r="H34" s="117">
        <f>H7+H10+H19+H28</f>
        <v>0</v>
      </c>
      <c r="I34" s="56"/>
      <c r="J34" s="63"/>
      <c r="K34" s="70"/>
      <c r="L34" s="71"/>
    </row>
    <row r="35" spans="1:12" ht="14.25">
      <c r="A35" s="15"/>
      <c r="B35" s="16"/>
      <c r="C35" s="16"/>
      <c r="D35" s="17"/>
      <c r="E35" s="18"/>
      <c r="F35" s="18"/>
      <c r="G35" s="19"/>
      <c r="H35" s="19"/>
      <c r="I35" s="44"/>
      <c r="J35" s="45"/>
      <c r="K35" s="72"/>
      <c r="L35" s="23"/>
    </row>
    <row r="36" spans="1:12" ht="14.25">
      <c r="A36" s="24"/>
      <c r="B36" s="25"/>
      <c r="C36" s="25"/>
      <c r="D36" s="26"/>
      <c r="E36" s="27"/>
      <c r="F36" s="27"/>
      <c r="G36" s="28"/>
      <c r="H36" s="28"/>
      <c r="I36" s="111"/>
      <c r="J36" s="73"/>
      <c r="K36" s="60"/>
      <c r="L36" s="33"/>
    </row>
    <row r="37" spans="1:12" ht="14.25">
      <c r="A37" s="47"/>
      <c r="B37" s="35"/>
      <c r="C37" s="35"/>
      <c r="D37" s="74"/>
      <c r="E37" s="37"/>
      <c r="F37" s="37"/>
      <c r="G37" s="38"/>
      <c r="H37" s="49"/>
      <c r="I37" s="75"/>
      <c r="J37" s="86"/>
      <c r="K37" s="58"/>
      <c r="L37" s="40"/>
    </row>
    <row r="38" spans="1:12" ht="14.25">
      <c r="A38" s="15"/>
      <c r="B38" s="16"/>
      <c r="C38" s="16"/>
      <c r="D38" s="65"/>
      <c r="E38" s="18"/>
      <c r="F38" s="18"/>
      <c r="G38" s="19"/>
      <c r="H38" s="19"/>
      <c r="I38" s="44"/>
      <c r="J38" s="45"/>
      <c r="K38" s="22"/>
      <c r="L38" s="23"/>
    </row>
    <row r="39" spans="1:12" ht="14.25">
      <c r="A39" s="24"/>
      <c r="B39" s="25"/>
      <c r="C39" s="25"/>
      <c r="D39" s="26"/>
      <c r="E39" s="27"/>
      <c r="F39" s="27"/>
      <c r="G39" s="28"/>
      <c r="H39" s="28"/>
      <c r="I39" s="102"/>
      <c r="J39" s="112"/>
      <c r="K39" s="76"/>
      <c r="L39" s="33"/>
    </row>
    <row r="40" spans="1:12" ht="15" thickBot="1">
      <c r="A40" s="77"/>
      <c r="B40" s="78"/>
      <c r="C40" s="78"/>
      <c r="D40" s="79"/>
      <c r="E40" s="80"/>
      <c r="F40" s="80"/>
      <c r="G40" s="81"/>
      <c r="H40" s="88"/>
      <c r="I40" s="82"/>
      <c r="J40" s="83"/>
      <c r="K40" s="84"/>
      <c r="L40" s="85"/>
    </row>
    <row r="41" spans="1:12" ht="14.25">
      <c r="A41" s="1"/>
      <c r="B41" s="1"/>
      <c r="C41" s="1"/>
      <c r="D41" s="1"/>
      <c r="E41" s="3"/>
      <c r="F41" s="3"/>
      <c r="G41" s="4"/>
      <c r="H41" s="4"/>
      <c r="I41" s="4"/>
      <c r="J41" s="4"/>
      <c r="K41" s="1"/>
      <c r="L41" s="1"/>
    </row>
  </sheetData>
  <mergeCells count="2">
    <mergeCell ref="D3:F3"/>
    <mergeCell ref="I4:K4"/>
  </mergeCells>
  <phoneticPr fontId="3"/>
  <dataValidations count="2">
    <dataValidation type="list" allowBlank="1" showInputMessage="1" showErrorMessage="1" sqref="K31">
      <formula1>$N$30:$N$31</formula1>
    </dataValidation>
    <dataValidation type="list" allowBlank="1" showInputMessage="1" showErrorMessage="1" sqref="L31">
      <formula1>$O$30:$O$31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68" orientation="landscape" horizontalDpi="4294967294" r:id="rId1"/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7-09-05T11:41:33Z</cp:lastPrinted>
  <dcterms:created xsi:type="dcterms:W3CDTF">2014-03-20T05:03:09Z</dcterms:created>
  <dcterms:modified xsi:type="dcterms:W3CDTF">2017-09-06T02:58:13Z</dcterms:modified>
</cp:coreProperties>
</file>